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980361\Documents\2018\Manuscripts_in_prep\Mirage\"/>
    </mc:Choice>
  </mc:AlternateContent>
  <bookViews>
    <workbookView xWindow="0" yWindow="0" windowWidth="21855" windowHeight="792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" uniqueCount="19">
  <si>
    <t>#</t>
  </si>
  <si>
    <t>m/z</t>
  </si>
  <si>
    <t>I</t>
  </si>
  <si>
    <t>Peak 1</t>
  </si>
  <si>
    <t>Peak 3</t>
  </si>
  <si>
    <t>Peak 6</t>
  </si>
  <si>
    <t>Peak 7</t>
  </si>
  <si>
    <t>Peak 10</t>
  </si>
  <si>
    <t>Peak 12</t>
  </si>
  <si>
    <t>Peak 13</t>
  </si>
  <si>
    <t>Peak 14</t>
  </si>
  <si>
    <t>Peak 15</t>
  </si>
  <si>
    <t>Peak 16</t>
  </si>
  <si>
    <t>Peak 17</t>
  </si>
  <si>
    <t>Peak 19</t>
  </si>
  <si>
    <t>Peak 20</t>
  </si>
  <si>
    <t>Peak 21</t>
  </si>
  <si>
    <t>Peak 22</t>
  </si>
  <si>
    <t>Peak 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K469"/>
  <sheetViews>
    <sheetView tabSelected="1" topLeftCell="AP1" workbookViewId="0">
      <selection activeCell="BH4" sqref="BH4"/>
    </sheetView>
  </sheetViews>
  <sheetFormatPr defaultRowHeight="15" x14ac:dyDescent="0.25"/>
  <sheetData>
    <row r="1" spans="1:63" x14ac:dyDescent="0.25">
      <c r="A1" t="s">
        <v>3</v>
      </c>
      <c r="B1">
        <v>759.8</v>
      </c>
      <c r="E1" t="s">
        <v>4</v>
      </c>
      <c r="F1">
        <v>832.8</v>
      </c>
      <c r="I1" t="s">
        <v>5</v>
      </c>
      <c r="J1">
        <v>913.8</v>
      </c>
      <c r="M1" t="s">
        <v>6</v>
      </c>
      <c r="N1">
        <v>994.9</v>
      </c>
      <c r="Q1" t="s">
        <v>7</v>
      </c>
      <c r="R1">
        <v>1059.4000000000001</v>
      </c>
      <c r="U1" t="s">
        <v>8</v>
      </c>
      <c r="V1">
        <v>1140.4000000000001</v>
      </c>
      <c r="Y1" t="s">
        <v>9</v>
      </c>
      <c r="Z1">
        <v>820.3</v>
      </c>
      <c r="AC1" t="s">
        <v>10</v>
      </c>
      <c r="AD1">
        <v>1285.9000000000001</v>
      </c>
      <c r="AG1" t="s">
        <v>11</v>
      </c>
      <c r="AH1">
        <v>731.3</v>
      </c>
      <c r="AK1" t="s">
        <v>12</v>
      </c>
      <c r="AL1">
        <v>965.8</v>
      </c>
      <c r="AO1" t="s">
        <v>13</v>
      </c>
      <c r="AP1">
        <v>812.3</v>
      </c>
      <c r="AS1" t="s">
        <v>14</v>
      </c>
      <c r="AT1">
        <v>1111.4000000000001</v>
      </c>
      <c r="AW1" t="s">
        <v>15</v>
      </c>
      <c r="AX1">
        <v>957.8</v>
      </c>
      <c r="BA1" t="s">
        <v>16</v>
      </c>
      <c r="BB1">
        <v>893.3</v>
      </c>
      <c r="BE1" t="s">
        <v>17</v>
      </c>
      <c r="BF1">
        <v>1038.9000000000001</v>
      </c>
      <c r="BI1" t="s">
        <v>18</v>
      </c>
      <c r="BJ1">
        <v>1184.4000000000001</v>
      </c>
    </row>
    <row r="2" spans="1:63" x14ac:dyDescent="0.25">
      <c r="A2" t="s">
        <v>0</v>
      </c>
      <c r="B2" t="s">
        <v>1</v>
      </c>
      <c r="C2" t="s">
        <v>2</v>
      </c>
      <c r="E2" t="s">
        <v>0</v>
      </c>
      <c r="F2" t="s">
        <v>1</v>
      </c>
      <c r="G2" t="s">
        <v>2</v>
      </c>
      <c r="I2" t="s">
        <v>0</v>
      </c>
      <c r="J2" t="s">
        <v>1</v>
      </c>
      <c r="K2" t="s">
        <v>2</v>
      </c>
      <c r="M2" t="s">
        <v>0</v>
      </c>
      <c r="N2" t="s">
        <v>1</v>
      </c>
      <c r="O2" t="s">
        <v>2</v>
      </c>
      <c r="Q2" t="s">
        <v>0</v>
      </c>
      <c r="R2" t="s">
        <v>1</v>
      </c>
      <c r="S2" t="s">
        <v>2</v>
      </c>
      <c r="U2" t="s">
        <v>0</v>
      </c>
      <c r="V2" t="s">
        <v>1</v>
      </c>
      <c r="W2" t="s">
        <v>2</v>
      </c>
      <c r="Y2" t="s">
        <v>0</v>
      </c>
      <c r="Z2" t="s">
        <v>1</v>
      </c>
      <c r="AA2" t="s">
        <v>2</v>
      </c>
      <c r="AC2" t="s">
        <v>0</v>
      </c>
      <c r="AD2" t="s">
        <v>1</v>
      </c>
      <c r="AE2" t="s">
        <v>2</v>
      </c>
      <c r="AG2" t="s">
        <v>0</v>
      </c>
      <c r="AH2" t="s">
        <v>1</v>
      </c>
      <c r="AI2" t="s">
        <v>2</v>
      </c>
      <c r="AK2" t="s">
        <v>0</v>
      </c>
      <c r="AL2" t="s">
        <v>1</v>
      </c>
      <c r="AM2" t="s">
        <v>2</v>
      </c>
      <c r="AO2" t="s">
        <v>0</v>
      </c>
      <c r="AP2" t="s">
        <v>1</v>
      </c>
      <c r="AQ2" t="s">
        <v>2</v>
      </c>
      <c r="AS2" t="s">
        <v>0</v>
      </c>
      <c r="AT2" t="s">
        <v>1</v>
      </c>
      <c r="AU2" t="s">
        <v>2</v>
      </c>
      <c r="AW2" t="s">
        <v>0</v>
      </c>
      <c r="AX2" t="s">
        <v>1</v>
      </c>
      <c r="AY2" t="s">
        <v>2</v>
      </c>
      <c r="BA2" t="s">
        <v>0</v>
      </c>
      <c r="BB2" t="s">
        <v>1</v>
      </c>
      <c r="BC2" t="s">
        <v>2</v>
      </c>
      <c r="BE2" t="s">
        <v>0</v>
      </c>
      <c r="BF2" t="s">
        <v>1</v>
      </c>
      <c r="BG2" t="s">
        <v>2</v>
      </c>
      <c r="BI2" t="s">
        <v>0</v>
      </c>
      <c r="BJ2" t="s">
        <v>1</v>
      </c>
      <c r="BK2" t="s">
        <v>2</v>
      </c>
    </row>
    <row r="3" spans="1:63" x14ac:dyDescent="0.25">
      <c r="A3">
        <v>1</v>
      </c>
      <c r="B3">
        <v>262</v>
      </c>
      <c r="C3">
        <v>240</v>
      </c>
      <c r="E3">
        <v>1</v>
      </c>
      <c r="F3">
        <v>262.10000000000002</v>
      </c>
      <c r="G3">
        <v>616</v>
      </c>
      <c r="I3">
        <v>1</v>
      </c>
      <c r="J3">
        <v>250</v>
      </c>
      <c r="K3">
        <v>304</v>
      </c>
      <c r="M3">
        <v>1</v>
      </c>
      <c r="N3">
        <v>305.2</v>
      </c>
      <c r="O3">
        <v>496</v>
      </c>
      <c r="Q3">
        <v>1</v>
      </c>
      <c r="R3">
        <v>350</v>
      </c>
      <c r="S3">
        <v>267</v>
      </c>
      <c r="U3">
        <v>1</v>
      </c>
      <c r="V3">
        <v>350.3</v>
      </c>
      <c r="W3">
        <v>419</v>
      </c>
      <c r="Y3">
        <v>1</v>
      </c>
      <c r="Z3">
        <v>256.10000000000002</v>
      </c>
      <c r="AA3">
        <v>279</v>
      </c>
      <c r="AC3">
        <v>1</v>
      </c>
      <c r="AD3">
        <v>452.2</v>
      </c>
      <c r="AE3">
        <v>189</v>
      </c>
      <c r="AG3">
        <v>1</v>
      </c>
      <c r="AH3">
        <v>202</v>
      </c>
      <c r="AI3">
        <v>612</v>
      </c>
      <c r="AK3">
        <v>1</v>
      </c>
      <c r="AL3">
        <v>364.1</v>
      </c>
      <c r="AM3">
        <v>469</v>
      </c>
      <c r="AO3">
        <v>1</v>
      </c>
      <c r="AP3">
        <v>245.2</v>
      </c>
      <c r="AQ3">
        <v>530</v>
      </c>
      <c r="AS3">
        <v>1</v>
      </c>
      <c r="AT3">
        <v>245.1</v>
      </c>
      <c r="AU3">
        <v>734</v>
      </c>
      <c r="AW3">
        <v>1</v>
      </c>
      <c r="AX3">
        <v>290.10000000000002</v>
      </c>
      <c r="AY3">
        <v>122</v>
      </c>
      <c r="BA3">
        <v>1</v>
      </c>
      <c r="BB3">
        <v>213.8</v>
      </c>
      <c r="BC3">
        <v>816</v>
      </c>
      <c r="BE3">
        <v>1</v>
      </c>
      <c r="BF3">
        <v>288.10000000000002</v>
      </c>
      <c r="BG3">
        <v>447</v>
      </c>
      <c r="BI3">
        <v>1</v>
      </c>
      <c r="BJ3">
        <v>410.1</v>
      </c>
      <c r="BK3">
        <v>321</v>
      </c>
    </row>
    <row r="4" spans="1:63" x14ac:dyDescent="0.25">
      <c r="A4">
        <v>2</v>
      </c>
      <c r="B4">
        <v>262.2</v>
      </c>
      <c r="C4">
        <v>206</v>
      </c>
      <c r="E4">
        <v>2</v>
      </c>
      <c r="F4">
        <v>269.2</v>
      </c>
      <c r="G4">
        <v>120</v>
      </c>
      <c r="I4">
        <v>2</v>
      </c>
      <c r="J4">
        <v>261.89999999999998</v>
      </c>
      <c r="K4">
        <v>132</v>
      </c>
      <c r="M4">
        <v>2</v>
      </c>
      <c r="N4">
        <v>350.1</v>
      </c>
      <c r="O4">
        <v>558</v>
      </c>
      <c r="Q4">
        <v>2</v>
      </c>
      <c r="R4">
        <v>351.3</v>
      </c>
      <c r="S4">
        <v>122</v>
      </c>
      <c r="U4">
        <v>2</v>
      </c>
      <c r="V4">
        <v>364.2</v>
      </c>
      <c r="W4">
        <v>315</v>
      </c>
      <c r="Y4">
        <v>2</v>
      </c>
      <c r="Z4">
        <v>259.89999999999998</v>
      </c>
      <c r="AA4">
        <v>102</v>
      </c>
      <c r="AC4">
        <v>2</v>
      </c>
      <c r="AD4">
        <v>569.29999999999995</v>
      </c>
      <c r="AE4">
        <v>463</v>
      </c>
      <c r="AG4">
        <v>2</v>
      </c>
      <c r="AH4">
        <v>204.2</v>
      </c>
      <c r="AI4">
        <v>270</v>
      </c>
      <c r="AK4">
        <v>2</v>
      </c>
      <c r="AL4">
        <v>372.2</v>
      </c>
      <c r="AM4">
        <v>109</v>
      </c>
      <c r="AO4">
        <v>2</v>
      </c>
      <c r="AP4">
        <v>245.8</v>
      </c>
      <c r="AQ4">
        <v>986</v>
      </c>
      <c r="AS4">
        <v>2</v>
      </c>
      <c r="AT4">
        <v>262.2</v>
      </c>
      <c r="AU4">
        <v>500</v>
      </c>
      <c r="AW4">
        <v>2</v>
      </c>
      <c r="AX4">
        <v>290.3</v>
      </c>
      <c r="AY4">
        <v>137</v>
      </c>
      <c r="BA4">
        <v>2</v>
      </c>
      <c r="BB4">
        <v>262</v>
      </c>
      <c r="BC4">
        <v>427</v>
      </c>
      <c r="BE4">
        <v>2</v>
      </c>
      <c r="BF4">
        <v>290.10000000000002</v>
      </c>
      <c r="BG4">
        <v>102</v>
      </c>
      <c r="BI4">
        <v>2</v>
      </c>
      <c r="BJ4">
        <v>652.29999999999995</v>
      </c>
      <c r="BK4">
        <v>272</v>
      </c>
    </row>
    <row r="5" spans="1:63" x14ac:dyDescent="0.25">
      <c r="A5">
        <v>3</v>
      </c>
      <c r="B5">
        <v>354.1</v>
      </c>
      <c r="C5">
        <v>161</v>
      </c>
      <c r="E5">
        <v>3</v>
      </c>
      <c r="F5">
        <v>303.10000000000002</v>
      </c>
      <c r="G5">
        <v>144</v>
      </c>
      <c r="I5">
        <v>3</v>
      </c>
      <c r="J5">
        <v>262.10000000000002</v>
      </c>
      <c r="K5">
        <v>242</v>
      </c>
      <c r="M5">
        <v>3</v>
      </c>
      <c r="N5">
        <v>352</v>
      </c>
      <c r="O5">
        <v>237</v>
      </c>
      <c r="Q5">
        <v>3</v>
      </c>
      <c r="R5">
        <v>364.2</v>
      </c>
      <c r="S5">
        <v>137</v>
      </c>
      <c r="U5">
        <v>3</v>
      </c>
      <c r="V5">
        <v>368.2</v>
      </c>
      <c r="W5">
        <v>424</v>
      </c>
      <c r="Y5">
        <v>3</v>
      </c>
      <c r="Z5">
        <v>282</v>
      </c>
      <c r="AA5">
        <v>172</v>
      </c>
      <c r="AC5">
        <v>3</v>
      </c>
      <c r="AD5">
        <v>589.20000000000005</v>
      </c>
      <c r="AE5">
        <v>342</v>
      </c>
      <c r="AG5">
        <v>3</v>
      </c>
      <c r="AH5">
        <v>220.2</v>
      </c>
      <c r="AI5">
        <v>2061</v>
      </c>
      <c r="AK5">
        <v>3</v>
      </c>
      <c r="AL5">
        <v>382</v>
      </c>
      <c r="AM5">
        <v>175</v>
      </c>
      <c r="AO5">
        <v>3</v>
      </c>
      <c r="AP5">
        <v>261.60000000000002</v>
      </c>
      <c r="AQ5">
        <v>449</v>
      </c>
      <c r="AS5">
        <v>3</v>
      </c>
      <c r="AT5">
        <v>263.10000000000002</v>
      </c>
      <c r="AU5">
        <v>274</v>
      </c>
      <c r="AW5">
        <v>3</v>
      </c>
      <c r="AX5">
        <v>303.8</v>
      </c>
      <c r="AY5">
        <v>166</v>
      </c>
      <c r="BA5">
        <v>3</v>
      </c>
      <c r="BB5">
        <v>262.39999999999998</v>
      </c>
      <c r="BC5">
        <v>330</v>
      </c>
      <c r="BE5">
        <v>3</v>
      </c>
      <c r="BF5">
        <v>291.10000000000002</v>
      </c>
      <c r="BG5">
        <v>141</v>
      </c>
      <c r="BI5">
        <v>3</v>
      </c>
      <c r="BJ5">
        <v>653.1</v>
      </c>
      <c r="BK5">
        <v>144</v>
      </c>
    </row>
    <row r="6" spans="1:63" x14ac:dyDescent="0.25">
      <c r="A6">
        <v>4</v>
      </c>
      <c r="B6">
        <v>490.2</v>
      </c>
      <c r="C6">
        <v>127</v>
      </c>
      <c r="E6">
        <v>4</v>
      </c>
      <c r="F6">
        <v>303.7</v>
      </c>
      <c r="G6">
        <v>173</v>
      </c>
      <c r="I6">
        <v>4</v>
      </c>
      <c r="J6">
        <v>262.8</v>
      </c>
      <c r="K6">
        <v>285</v>
      </c>
      <c r="M6">
        <v>4</v>
      </c>
      <c r="N6">
        <v>382.1</v>
      </c>
      <c r="O6">
        <v>280</v>
      </c>
      <c r="Q6">
        <v>4</v>
      </c>
      <c r="R6">
        <v>389.2</v>
      </c>
      <c r="S6">
        <v>115</v>
      </c>
      <c r="U6">
        <v>4</v>
      </c>
      <c r="V6">
        <v>371.3</v>
      </c>
      <c r="W6">
        <v>204</v>
      </c>
      <c r="Y6">
        <v>4</v>
      </c>
      <c r="Z6">
        <v>282.5</v>
      </c>
      <c r="AA6">
        <v>111</v>
      </c>
      <c r="AC6">
        <v>4</v>
      </c>
      <c r="AD6">
        <v>613.29999999999995</v>
      </c>
      <c r="AE6">
        <v>184</v>
      </c>
      <c r="AG6">
        <v>4</v>
      </c>
      <c r="AH6">
        <v>221</v>
      </c>
      <c r="AI6">
        <v>472</v>
      </c>
      <c r="AK6">
        <v>4</v>
      </c>
      <c r="AL6">
        <v>383.2</v>
      </c>
      <c r="AM6">
        <v>475</v>
      </c>
      <c r="AO6">
        <v>4</v>
      </c>
      <c r="AP6">
        <v>262.2</v>
      </c>
      <c r="AQ6">
        <v>679</v>
      </c>
      <c r="AS6">
        <v>4</v>
      </c>
      <c r="AT6">
        <v>281.7</v>
      </c>
      <c r="AU6">
        <v>119</v>
      </c>
      <c r="AW6">
        <v>4</v>
      </c>
      <c r="AX6">
        <v>304</v>
      </c>
      <c r="AY6">
        <v>148</v>
      </c>
      <c r="BA6">
        <v>4</v>
      </c>
      <c r="BB6">
        <v>263</v>
      </c>
      <c r="BC6">
        <v>209</v>
      </c>
      <c r="BE6">
        <v>4</v>
      </c>
      <c r="BF6">
        <v>310.3</v>
      </c>
      <c r="BG6">
        <v>246</v>
      </c>
      <c r="BI6">
        <v>4</v>
      </c>
      <c r="BJ6">
        <v>655.29999999999995</v>
      </c>
      <c r="BK6">
        <v>338</v>
      </c>
    </row>
    <row r="7" spans="1:63" x14ac:dyDescent="0.25">
      <c r="A7">
        <v>5</v>
      </c>
      <c r="B7">
        <v>492.7</v>
      </c>
      <c r="C7">
        <v>298</v>
      </c>
      <c r="E7">
        <v>5</v>
      </c>
      <c r="F7">
        <v>304.2</v>
      </c>
      <c r="G7">
        <v>141</v>
      </c>
      <c r="I7">
        <v>5</v>
      </c>
      <c r="J7">
        <v>263</v>
      </c>
      <c r="K7">
        <v>255</v>
      </c>
      <c r="M7">
        <v>5</v>
      </c>
      <c r="N7">
        <v>407.1</v>
      </c>
      <c r="O7">
        <v>138</v>
      </c>
      <c r="Q7">
        <v>5</v>
      </c>
      <c r="R7">
        <v>392.1</v>
      </c>
      <c r="S7">
        <v>172</v>
      </c>
      <c r="U7">
        <v>5</v>
      </c>
      <c r="V7">
        <v>389.1</v>
      </c>
      <c r="W7">
        <v>102</v>
      </c>
      <c r="Y7">
        <v>5</v>
      </c>
      <c r="Z7">
        <v>288.7</v>
      </c>
      <c r="AA7">
        <v>184</v>
      </c>
      <c r="AC7">
        <v>5</v>
      </c>
      <c r="AD7">
        <v>628.1</v>
      </c>
      <c r="AE7">
        <v>369</v>
      </c>
      <c r="AG7">
        <v>5</v>
      </c>
      <c r="AH7">
        <v>262.10000000000002</v>
      </c>
      <c r="AI7">
        <v>2195</v>
      </c>
      <c r="AK7">
        <v>5</v>
      </c>
      <c r="AL7">
        <v>409.8</v>
      </c>
      <c r="AM7">
        <v>190</v>
      </c>
      <c r="AO7">
        <v>5</v>
      </c>
      <c r="AP7">
        <v>262.89999999999998</v>
      </c>
      <c r="AQ7">
        <v>1613</v>
      </c>
      <c r="AS7">
        <v>5</v>
      </c>
      <c r="AT7">
        <v>287.3</v>
      </c>
      <c r="AU7">
        <v>112</v>
      </c>
      <c r="AW7">
        <v>5</v>
      </c>
      <c r="AX7">
        <v>329.3</v>
      </c>
      <c r="AY7">
        <v>118</v>
      </c>
      <c r="BA7">
        <v>5</v>
      </c>
      <c r="BB7">
        <v>287.3</v>
      </c>
      <c r="BC7">
        <v>246</v>
      </c>
      <c r="BE7">
        <v>5</v>
      </c>
      <c r="BF7">
        <v>326.5</v>
      </c>
      <c r="BG7">
        <v>303</v>
      </c>
      <c r="BI7">
        <v>5</v>
      </c>
      <c r="BJ7">
        <v>673.1</v>
      </c>
      <c r="BK7">
        <v>181</v>
      </c>
    </row>
    <row r="8" spans="1:63" x14ac:dyDescent="0.25">
      <c r="A8">
        <v>6</v>
      </c>
      <c r="B8">
        <v>508.2</v>
      </c>
      <c r="C8">
        <v>232</v>
      </c>
      <c r="E8">
        <v>6</v>
      </c>
      <c r="F8">
        <v>332</v>
      </c>
      <c r="G8">
        <v>116</v>
      </c>
      <c r="I8">
        <v>6</v>
      </c>
      <c r="J8">
        <v>304.10000000000002</v>
      </c>
      <c r="K8">
        <v>584</v>
      </c>
      <c r="M8">
        <v>6</v>
      </c>
      <c r="N8">
        <v>424.2</v>
      </c>
      <c r="O8">
        <v>725</v>
      </c>
      <c r="Q8">
        <v>6</v>
      </c>
      <c r="R8">
        <v>470.2</v>
      </c>
      <c r="S8">
        <v>334</v>
      </c>
      <c r="U8">
        <v>6</v>
      </c>
      <c r="V8">
        <v>424.1</v>
      </c>
      <c r="W8">
        <v>999</v>
      </c>
      <c r="Y8">
        <v>6</v>
      </c>
      <c r="Z8">
        <v>305</v>
      </c>
      <c r="AA8">
        <v>227</v>
      </c>
      <c r="AC8">
        <v>6</v>
      </c>
      <c r="AD8">
        <v>654.20000000000005</v>
      </c>
      <c r="AE8">
        <v>219</v>
      </c>
      <c r="AG8">
        <v>6</v>
      </c>
      <c r="AH8">
        <v>263.2</v>
      </c>
      <c r="AI8">
        <v>424</v>
      </c>
      <c r="AK8">
        <v>6</v>
      </c>
      <c r="AL8">
        <v>424.2</v>
      </c>
      <c r="AM8">
        <v>521</v>
      </c>
      <c r="AO8">
        <v>6</v>
      </c>
      <c r="AP8">
        <v>263.10000000000002</v>
      </c>
      <c r="AQ8">
        <v>1522</v>
      </c>
      <c r="AS8">
        <v>6</v>
      </c>
      <c r="AT8">
        <v>302.10000000000002</v>
      </c>
      <c r="AU8">
        <v>251</v>
      </c>
      <c r="AW8">
        <v>6</v>
      </c>
      <c r="AX8">
        <v>350.2</v>
      </c>
      <c r="AY8">
        <v>268</v>
      </c>
      <c r="BA8">
        <v>6</v>
      </c>
      <c r="BB8">
        <v>350.1</v>
      </c>
      <c r="BC8">
        <v>2008</v>
      </c>
      <c r="BE8">
        <v>6</v>
      </c>
      <c r="BF8">
        <v>328.2</v>
      </c>
      <c r="BG8">
        <v>373</v>
      </c>
      <c r="BI8">
        <v>6</v>
      </c>
      <c r="BJ8">
        <v>702.2</v>
      </c>
      <c r="BK8">
        <v>285</v>
      </c>
    </row>
    <row r="9" spans="1:63" x14ac:dyDescent="0.25">
      <c r="A9">
        <v>7</v>
      </c>
      <c r="B9">
        <v>509.1</v>
      </c>
      <c r="C9">
        <v>210</v>
      </c>
      <c r="E9">
        <v>7</v>
      </c>
      <c r="F9">
        <v>347.2</v>
      </c>
      <c r="G9">
        <v>117</v>
      </c>
      <c r="I9">
        <v>7</v>
      </c>
      <c r="J9">
        <v>327.8</v>
      </c>
      <c r="K9">
        <v>102</v>
      </c>
      <c r="M9">
        <v>7</v>
      </c>
      <c r="N9">
        <v>425</v>
      </c>
      <c r="O9">
        <v>216</v>
      </c>
      <c r="Q9">
        <v>7</v>
      </c>
      <c r="R9">
        <v>517.29999999999995</v>
      </c>
      <c r="S9">
        <v>133</v>
      </c>
      <c r="U9">
        <v>7</v>
      </c>
      <c r="V9">
        <v>425.4</v>
      </c>
      <c r="W9">
        <v>137</v>
      </c>
      <c r="Y9">
        <v>7</v>
      </c>
      <c r="Z9">
        <v>347.1</v>
      </c>
      <c r="AA9">
        <v>216</v>
      </c>
      <c r="AC9">
        <v>7</v>
      </c>
      <c r="AD9">
        <v>655</v>
      </c>
      <c r="AE9">
        <v>844</v>
      </c>
      <c r="AG9">
        <v>7</v>
      </c>
      <c r="AH9">
        <v>276.10000000000002</v>
      </c>
      <c r="AI9">
        <v>399</v>
      </c>
      <c r="AK9">
        <v>7</v>
      </c>
      <c r="AL9">
        <v>425.5</v>
      </c>
      <c r="AM9">
        <v>120</v>
      </c>
      <c r="AO9">
        <v>7</v>
      </c>
      <c r="AP9">
        <v>265.2</v>
      </c>
      <c r="AQ9">
        <v>253</v>
      </c>
      <c r="AS9">
        <v>7</v>
      </c>
      <c r="AT9">
        <v>303.3</v>
      </c>
      <c r="AU9">
        <v>210</v>
      </c>
      <c r="AW9">
        <v>7</v>
      </c>
      <c r="AX9">
        <v>351.2</v>
      </c>
      <c r="AY9">
        <v>155</v>
      </c>
      <c r="BA9">
        <v>7</v>
      </c>
      <c r="BB9">
        <v>351.2</v>
      </c>
      <c r="BC9">
        <v>1362</v>
      </c>
      <c r="BE9">
        <v>7</v>
      </c>
      <c r="BF9">
        <v>347.2</v>
      </c>
      <c r="BG9">
        <v>122</v>
      </c>
      <c r="BI9">
        <v>7</v>
      </c>
      <c r="BJ9">
        <v>782.8</v>
      </c>
      <c r="BK9">
        <v>189</v>
      </c>
    </row>
    <row r="10" spans="1:63" x14ac:dyDescent="0.25">
      <c r="A10">
        <v>8</v>
      </c>
      <c r="B10">
        <v>556.79999999999995</v>
      </c>
      <c r="C10">
        <v>219</v>
      </c>
      <c r="E10">
        <v>8</v>
      </c>
      <c r="F10">
        <v>350.2</v>
      </c>
      <c r="G10">
        <v>1005</v>
      </c>
      <c r="I10">
        <v>8</v>
      </c>
      <c r="J10">
        <v>350.2</v>
      </c>
      <c r="K10">
        <v>1452</v>
      </c>
      <c r="M10">
        <v>8</v>
      </c>
      <c r="N10">
        <v>425.3</v>
      </c>
      <c r="O10">
        <v>108</v>
      </c>
      <c r="Q10">
        <v>8</v>
      </c>
      <c r="R10">
        <v>519.70000000000005</v>
      </c>
      <c r="S10">
        <v>481</v>
      </c>
      <c r="U10">
        <v>8</v>
      </c>
      <c r="V10">
        <v>465.8</v>
      </c>
      <c r="W10">
        <v>341</v>
      </c>
      <c r="Y10">
        <v>8</v>
      </c>
      <c r="Z10">
        <v>381.5</v>
      </c>
      <c r="AA10">
        <v>210</v>
      </c>
      <c r="AC10">
        <v>8</v>
      </c>
      <c r="AD10">
        <v>655.29999999999995</v>
      </c>
      <c r="AE10">
        <v>799</v>
      </c>
      <c r="AG10">
        <v>8</v>
      </c>
      <c r="AH10">
        <v>277.10000000000002</v>
      </c>
      <c r="AI10">
        <v>1040</v>
      </c>
      <c r="AK10">
        <v>8</v>
      </c>
      <c r="AL10">
        <v>466.1</v>
      </c>
      <c r="AM10">
        <v>461</v>
      </c>
      <c r="AO10">
        <v>8</v>
      </c>
      <c r="AP10">
        <v>271.60000000000002</v>
      </c>
      <c r="AQ10">
        <v>438</v>
      </c>
      <c r="AS10">
        <v>8</v>
      </c>
      <c r="AT10">
        <v>303.8</v>
      </c>
      <c r="AU10">
        <v>182</v>
      </c>
      <c r="AW10">
        <v>8</v>
      </c>
      <c r="AX10">
        <v>368.2</v>
      </c>
      <c r="AY10">
        <v>358</v>
      </c>
      <c r="BA10">
        <v>8</v>
      </c>
      <c r="BB10">
        <v>364.2</v>
      </c>
      <c r="BC10">
        <v>1170</v>
      </c>
      <c r="BE10">
        <v>8</v>
      </c>
      <c r="BF10">
        <v>350.1</v>
      </c>
      <c r="BG10">
        <v>1398</v>
      </c>
      <c r="BI10">
        <v>8</v>
      </c>
      <c r="BJ10">
        <v>867</v>
      </c>
      <c r="BK10">
        <v>217</v>
      </c>
    </row>
    <row r="11" spans="1:63" x14ac:dyDescent="0.25">
      <c r="A11">
        <v>9</v>
      </c>
      <c r="B11">
        <v>576.6</v>
      </c>
      <c r="C11">
        <v>298</v>
      </c>
      <c r="E11">
        <v>9</v>
      </c>
      <c r="F11">
        <v>367.1</v>
      </c>
      <c r="G11">
        <v>159</v>
      </c>
      <c r="I11">
        <v>9</v>
      </c>
      <c r="J11">
        <v>351</v>
      </c>
      <c r="K11">
        <v>416</v>
      </c>
      <c r="M11">
        <v>9</v>
      </c>
      <c r="N11">
        <v>472</v>
      </c>
      <c r="O11">
        <v>239</v>
      </c>
      <c r="Q11">
        <v>9</v>
      </c>
      <c r="R11">
        <v>653.5</v>
      </c>
      <c r="S11">
        <v>179</v>
      </c>
      <c r="U11">
        <v>9</v>
      </c>
      <c r="V11">
        <v>470.1</v>
      </c>
      <c r="W11">
        <v>316</v>
      </c>
      <c r="Y11">
        <v>9</v>
      </c>
      <c r="Z11">
        <v>381.8</v>
      </c>
      <c r="AA11">
        <v>443</v>
      </c>
      <c r="AC11">
        <v>9</v>
      </c>
      <c r="AD11">
        <v>656.3</v>
      </c>
      <c r="AE11">
        <v>149</v>
      </c>
      <c r="AG11">
        <v>9</v>
      </c>
      <c r="AH11">
        <v>287.3</v>
      </c>
      <c r="AI11">
        <v>533</v>
      </c>
      <c r="AK11">
        <v>9</v>
      </c>
      <c r="AL11">
        <v>529.9</v>
      </c>
      <c r="AM11">
        <v>329</v>
      </c>
      <c r="AO11">
        <v>9</v>
      </c>
      <c r="AP11">
        <v>281.2</v>
      </c>
      <c r="AQ11">
        <v>890</v>
      </c>
      <c r="AS11">
        <v>9</v>
      </c>
      <c r="AT11">
        <v>304.10000000000002</v>
      </c>
      <c r="AU11">
        <v>315</v>
      </c>
      <c r="AW11">
        <v>9</v>
      </c>
      <c r="AX11">
        <v>389.2</v>
      </c>
      <c r="AY11">
        <v>147</v>
      </c>
      <c r="BA11">
        <v>9</v>
      </c>
      <c r="BB11">
        <v>365</v>
      </c>
      <c r="BC11">
        <v>529</v>
      </c>
      <c r="BE11">
        <v>9</v>
      </c>
      <c r="BF11">
        <v>351.3</v>
      </c>
      <c r="BG11">
        <v>235</v>
      </c>
      <c r="BI11">
        <v>9</v>
      </c>
      <c r="BJ11">
        <v>890.3</v>
      </c>
      <c r="BK11">
        <v>105</v>
      </c>
    </row>
    <row r="12" spans="1:63" x14ac:dyDescent="0.25">
      <c r="A12">
        <v>10</v>
      </c>
      <c r="B12">
        <v>577.1</v>
      </c>
      <c r="C12">
        <v>558</v>
      </c>
      <c r="E12">
        <v>10</v>
      </c>
      <c r="F12">
        <v>368.2</v>
      </c>
      <c r="G12">
        <v>297</v>
      </c>
      <c r="I12">
        <v>10</v>
      </c>
      <c r="J12">
        <v>363.9</v>
      </c>
      <c r="K12">
        <v>168</v>
      </c>
      <c r="M12">
        <v>10</v>
      </c>
      <c r="N12">
        <v>473.2</v>
      </c>
      <c r="O12">
        <v>226</v>
      </c>
      <c r="Q12">
        <v>10</v>
      </c>
      <c r="R12">
        <v>655.20000000000005</v>
      </c>
      <c r="S12">
        <v>713</v>
      </c>
      <c r="U12">
        <v>10</v>
      </c>
      <c r="V12">
        <v>532.20000000000005</v>
      </c>
      <c r="W12">
        <v>171</v>
      </c>
      <c r="Y12">
        <v>10</v>
      </c>
      <c r="Z12">
        <v>382.1</v>
      </c>
      <c r="AA12">
        <v>595</v>
      </c>
      <c r="AC12">
        <v>10</v>
      </c>
      <c r="AD12">
        <v>657.2</v>
      </c>
      <c r="AE12">
        <v>519</v>
      </c>
      <c r="AG12">
        <v>10</v>
      </c>
      <c r="AH12">
        <v>290.10000000000002</v>
      </c>
      <c r="AI12">
        <v>1629</v>
      </c>
      <c r="AK12">
        <v>10</v>
      </c>
      <c r="AL12">
        <v>588.29999999999995</v>
      </c>
      <c r="AM12">
        <v>200</v>
      </c>
      <c r="AO12">
        <v>10</v>
      </c>
      <c r="AP12">
        <v>287</v>
      </c>
      <c r="AQ12">
        <v>284</v>
      </c>
      <c r="AS12">
        <v>10</v>
      </c>
      <c r="AT12">
        <v>350.1</v>
      </c>
      <c r="AU12">
        <v>2287</v>
      </c>
      <c r="AW12">
        <v>10</v>
      </c>
      <c r="AX12">
        <v>389.7</v>
      </c>
      <c r="AY12">
        <v>237</v>
      </c>
      <c r="BA12">
        <v>10</v>
      </c>
      <c r="BB12">
        <v>366.1</v>
      </c>
      <c r="BC12">
        <v>200</v>
      </c>
      <c r="BE12">
        <v>10</v>
      </c>
      <c r="BF12">
        <v>352.3</v>
      </c>
      <c r="BG12">
        <v>155</v>
      </c>
      <c r="BI12">
        <v>10</v>
      </c>
      <c r="BJ12">
        <v>908.3</v>
      </c>
      <c r="BK12">
        <v>216</v>
      </c>
    </row>
    <row r="13" spans="1:63" x14ac:dyDescent="0.25">
      <c r="A13">
        <v>11</v>
      </c>
      <c r="B13">
        <v>577.29999999999995</v>
      </c>
      <c r="C13">
        <v>705</v>
      </c>
      <c r="E13">
        <v>11</v>
      </c>
      <c r="F13">
        <v>389</v>
      </c>
      <c r="G13">
        <v>210</v>
      </c>
      <c r="I13">
        <v>11</v>
      </c>
      <c r="J13">
        <v>364.2</v>
      </c>
      <c r="K13">
        <v>319</v>
      </c>
      <c r="M13">
        <v>11</v>
      </c>
      <c r="N13">
        <v>490.2</v>
      </c>
      <c r="O13">
        <v>113</v>
      </c>
      <c r="Q13">
        <v>11</v>
      </c>
      <c r="R13">
        <v>673.3</v>
      </c>
      <c r="S13">
        <v>452</v>
      </c>
      <c r="U13">
        <v>11</v>
      </c>
      <c r="V13">
        <v>538</v>
      </c>
      <c r="W13">
        <v>101</v>
      </c>
      <c r="Y13">
        <v>11</v>
      </c>
      <c r="Z13">
        <v>382.8</v>
      </c>
      <c r="AA13">
        <v>127</v>
      </c>
      <c r="AC13">
        <v>11</v>
      </c>
      <c r="AD13">
        <v>671.2</v>
      </c>
      <c r="AE13">
        <v>354</v>
      </c>
      <c r="AG13">
        <v>11</v>
      </c>
      <c r="AH13">
        <v>302</v>
      </c>
      <c r="AI13">
        <v>180</v>
      </c>
      <c r="AK13">
        <v>11</v>
      </c>
      <c r="AL13">
        <v>591.29999999999995</v>
      </c>
      <c r="AM13">
        <v>126</v>
      </c>
      <c r="AO13">
        <v>11</v>
      </c>
      <c r="AP13">
        <v>290.10000000000002</v>
      </c>
      <c r="AQ13">
        <v>222</v>
      </c>
      <c r="AS13">
        <v>11</v>
      </c>
      <c r="AT13">
        <v>351.1</v>
      </c>
      <c r="AU13">
        <v>186</v>
      </c>
      <c r="AW13">
        <v>11</v>
      </c>
      <c r="AX13">
        <v>470</v>
      </c>
      <c r="AY13">
        <v>173</v>
      </c>
      <c r="BA13">
        <v>11</v>
      </c>
      <c r="BB13">
        <v>368.2</v>
      </c>
      <c r="BC13">
        <v>849</v>
      </c>
      <c r="BE13">
        <v>11</v>
      </c>
      <c r="BF13">
        <v>364.3</v>
      </c>
      <c r="BG13">
        <v>105</v>
      </c>
      <c r="BI13">
        <v>11</v>
      </c>
      <c r="BJ13">
        <v>950</v>
      </c>
      <c r="BK13">
        <v>357</v>
      </c>
    </row>
    <row r="14" spans="1:63" x14ac:dyDescent="0.25">
      <c r="A14">
        <v>12</v>
      </c>
      <c r="B14">
        <v>597.1</v>
      </c>
      <c r="C14">
        <v>250</v>
      </c>
      <c r="E14">
        <v>12</v>
      </c>
      <c r="F14">
        <v>408.3</v>
      </c>
      <c r="G14">
        <v>142</v>
      </c>
      <c r="I14">
        <v>12</v>
      </c>
      <c r="J14">
        <v>365.2</v>
      </c>
      <c r="K14">
        <v>138</v>
      </c>
      <c r="M14">
        <v>12</v>
      </c>
      <c r="N14">
        <v>509</v>
      </c>
      <c r="O14">
        <v>218</v>
      </c>
      <c r="Q14">
        <v>12</v>
      </c>
      <c r="R14">
        <v>689.2</v>
      </c>
      <c r="S14">
        <v>362</v>
      </c>
      <c r="U14">
        <v>12</v>
      </c>
      <c r="V14">
        <v>553.29999999999995</v>
      </c>
      <c r="W14">
        <v>128</v>
      </c>
      <c r="Y14">
        <v>12</v>
      </c>
      <c r="Z14">
        <v>424.1</v>
      </c>
      <c r="AA14">
        <v>1389</v>
      </c>
      <c r="AC14">
        <v>12</v>
      </c>
      <c r="AD14">
        <v>674.5</v>
      </c>
      <c r="AE14">
        <v>140</v>
      </c>
      <c r="AG14">
        <v>12</v>
      </c>
      <c r="AH14">
        <v>303</v>
      </c>
      <c r="AI14">
        <v>854</v>
      </c>
      <c r="AK14">
        <v>12</v>
      </c>
      <c r="AL14">
        <v>600.20000000000005</v>
      </c>
      <c r="AM14">
        <v>254</v>
      </c>
      <c r="AO14">
        <v>12</v>
      </c>
      <c r="AP14">
        <v>308</v>
      </c>
      <c r="AQ14">
        <v>478</v>
      </c>
      <c r="AS14">
        <v>12</v>
      </c>
      <c r="AT14">
        <v>351.3</v>
      </c>
      <c r="AU14">
        <v>313</v>
      </c>
      <c r="AW14">
        <v>12</v>
      </c>
      <c r="AX14">
        <v>471.1</v>
      </c>
      <c r="AY14">
        <v>126</v>
      </c>
      <c r="BA14">
        <v>12</v>
      </c>
      <c r="BB14">
        <v>369.2</v>
      </c>
      <c r="BC14">
        <v>291</v>
      </c>
      <c r="BE14">
        <v>12</v>
      </c>
      <c r="BF14">
        <v>365.2</v>
      </c>
      <c r="BG14">
        <v>289</v>
      </c>
      <c r="BI14">
        <v>12</v>
      </c>
      <c r="BJ14">
        <v>950.4</v>
      </c>
      <c r="BK14">
        <v>362</v>
      </c>
    </row>
    <row r="15" spans="1:63" x14ac:dyDescent="0.25">
      <c r="A15">
        <v>13</v>
      </c>
      <c r="B15">
        <v>607</v>
      </c>
      <c r="C15">
        <v>379</v>
      </c>
      <c r="E15">
        <v>13</v>
      </c>
      <c r="F15">
        <v>424.1</v>
      </c>
      <c r="G15">
        <v>452</v>
      </c>
      <c r="I15">
        <v>13</v>
      </c>
      <c r="J15">
        <v>368.2</v>
      </c>
      <c r="K15">
        <v>706</v>
      </c>
      <c r="M15">
        <v>13</v>
      </c>
      <c r="N15">
        <v>510.2</v>
      </c>
      <c r="O15">
        <v>141</v>
      </c>
      <c r="Q15">
        <v>13</v>
      </c>
      <c r="R15">
        <v>694.3</v>
      </c>
      <c r="S15">
        <v>221</v>
      </c>
      <c r="U15">
        <v>13</v>
      </c>
      <c r="V15">
        <v>571.29999999999995</v>
      </c>
      <c r="W15">
        <v>160</v>
      </c>
      <c r="Y15">
        <v>13</v>
      </c>
      <c r="Z15">
        <v>425.1</v>
      </c>
      <c r="AA15">
        <v>972</v>
      </c>
      <c r="AC15">
        <v>13</v>
      </c>
      <c r="AD15">
        <v>817.3</v>
      </c>
      <c r="AE15">
        <v>471</v>
      </c>
      <c r="AG15">
        <v>13</v>
      </c>
      <c r="AH15">
        <v>304.10000000000002</v>
      </c>
      <c r="AI15">
        <v>6672</v>
      </c>
      <c r="AK15">
        <v>13</v>
      </c>
      <c r="AL15">
        <v>614.20000000000005</v>
      </c>
      <c r="AM15">
        <v>406</v>
      </c>
      <c r="AO15">
        <v>13</v>
      </c>
      <c r="AP15">
        <v>326.2</v>
      </c>
      <c r="AQ15">
        <v>1055</v>
      </c>
      <c r="AS15">
        <v>13</v>
      </c>
      <c r="AT15">
        <v>352.1</v>
      </c>
      <c r="AU15">
        <v>750</v>
      </c>
      <c r="AW15">
        <v>13</v>
      </c>
      <c r="AX15">
        <v>490</v>
      </c>
      <c r="AY15">
        <v>122</v>
      </c>
      <c r="BA15">
        <v>13</v>
      </c>
      <c r="BB15">
        <v>381.3</v>
      </c>
      <c r="BC15">
        <v>780</v>
      </c>
      <c r="BE15">
        <v>13</v>
      </c>
      <c r="BF15">
        <v>368.2</v>
      </c>
      <c r="BG15">
        <v>562</v>
      </c>
      <c r="BI15">
        <v>13</v>
      </c>
      <c r="BJ15">
        <v>956.8</v>
      </c>
      <c r="BK15">
        <v>163</v>
      </c>
    </row>
    <row r="16" spans="1:63" x14ac:dyDescent="0.25">
      <c r="A16">
        <v>14</v>
      </c>
      <c r="B16">
        <v>608.29999999999995</v>
      </c>
      <c r="C16">
        <v>124</v>
      </c>
      <c r="E16">
        <v>14</v>
      </c>
      <c r="F16">
        <v>434.1</v>
      </c>
      <c r="G16">
        <v>582</v>
      </c>
      <c r="I16">
        <v>14</v>
      </c>
      <c r="J16">
        <v>369</v>
      </c>
      <c r="K16">
        <v>329</v>
      </c>
      <c r="M16">
        <v>14</v>
      </c>
      <c r="N16">
        <v>517.79999999999995</v>
      </c>
      <c r="O16">
        <v>105</v>
      </c>
      <c r="Q16">
        <v>14</v>
      </c>
      <c r="R16">
        <v>701.7</v>
      </c>
      <c r="S16">
        <v>456</v>
      </c>
      <c r="U16">
        <v>14</v>
      </c>
      <c r="V16">
        <v>576.29999999999995</v>
      </c>
      <c r="W16">
        <v>141</v>
      </c>
      <c r="Y16">
        <v>14</v>
      </c>
      <c r="Z16">
        <v>467.9</v>
      </c>
      <c r="AA16">
        <v>332</v>
      </c>
      <c r="AC16">
        <v>14</v>
      </c>
      <c r="AD16">
        <v>824.4</v>
      </c>
      <c r="AE16">
        <v>214</v>
      </c>
      <c r="AG16">
        <v>14</v>
      </c>
      <c r="AH16">
        <v>306.2</v>
      </c>
      <c r="AI16">
        <v>256</v>
      </c>
      <c r="AK16">
        <v>14</v>
      </c>
      <c r="AL16">
        <v>655.20000000000005</v>
      </c>
      <c r="AM16">
        <v>403</v>
      </c>
      <c r="AO16">
        <v>14</v>
      </c>
      <c r="AP16">
        <v>329.1</v>
      </c>
      <c r="AQ16">
        <v>444</v>
      </c>
      <c r="AS16">
        <v>14</v>
      </c>
      <c r="AT16">
        <v>364.3</v>
      </c>
      <c r="AU16">
        <v>293</v>
      </c>
      <c r="AW16">
        <v>14</v>
      </c>
      <c r="AX16">
        <v>508.1</v>
      </c>
      <c r="AY16">
        <v>232</v>
      </c>
      <c r="BA16">
        <v>14</v>
      </c>
      <c r="BB16">
        <v>381.7</v>
      </c>
      <c r="BC16">
        <v>152</v>
      </c>
      <c r="BE16">
        <v>14</v>
      </c>
      <c r="BF16">
        <v>368.4</v>
      </c>
      <c r="BG16">
        <v>1446</v>
      </c>
      <c r="BI16">
        <v>14</v>
      </c>
      <c r="BJ16">
        <v>961.3</v>
      </c>
      <c r="BK16">
        <v>297</v>
      </c>
    </row>
    <row r="17" spans="1:63" x14ac:dyDescent="0.25">
      <c r="A17">
        <v>15</v>
      </c>
      <c r="B17">
        <v>628</v>
      </c>
      <c r="C17">
        <v>257</v>
      </c>
      <c r="E17">
        <v>15</v>
      </c>
      <c r="F17">
        <v>435.1</v>
      </c>
      <c r="G17">
        <v>237</v>
      </c>
      <c r="I17">
        <v>15</v>
      </c>
      <c r="J17">
        <v>370.4</v>
      </c>
      <c r="K17">
        <v>152</v>
      </c>
      <c r="M17">
        <v>15</v>
      </c>
      <c r="N17">
        <v>529.1</v>
      </c>
      <c r="O17">
        <v>219</v>
      </c>
      <c r="Q17">
        <v>15</v>
      </c>
      <c r="R17">
        <v>702.8</v>
      </c>
      <c r="S17">
        <v>149</v>
      </c>
      <c r="U17">
        <v>15</v>
      </c>
      <c r="V17">
        <v>586.20000000000005</v>
      </c>
      <c r="W17">
        <v>351</v>
      </c>
      <c r="Y17">
        <v>15</v>
      </c>
      <c r="Z17">
        <v>556.4</v>
      </c>
      <c r="AA17">
        <v>362</v>
      </c>
      <c r="AC17">
        <v>15</v>
      </c>
      <c r="AD17">
        <v>835.5</v>
      </c>
      <c r="AE17">
        <v>738</v>
      </c>
      <c r="AG17">
        <v>15</v>
      </c>
      <c r="AH17">
        <v>326.2</v>
      </c>
      <c r="AI17">
        <v>670</v>
      </c>
      <c r="AK17">
        <v>15</v>
      </c>
      <c r="AL17">
        <v>688.2</v>
      </c>
      <c r="AM17">
        <v>302</v>
      </c>
      <c r="AO17">
        <v>15</v>
      </c>
      <c r="AP17">
        <v>332</v>
      </c>
      <c r="AQ17">
        <v>251</v>
      </c>
      <c r="AS17">
        <v>15</v>
      </c>
      <c r="AT17">
        <v>368.1</v>
      </c>
      <c r="AU17">
        <v>593</v>
      </c>
      <c r="AW17">
        <v>15</v>
      </c>
      <c r="AX17">
        <v>526.29999999999995</v>
      </c>
      <c r="AY17">
        <v>150</v>
      </c>
      <c r="BA17">
        <v>15</v>
      </c>
      <c r="BB17">
        <v>382.2</v>
      </c>
      <c r="BC17">
        <v>1674</v>
      </c>
      <c r="BE17">
        <v>15</v>
      </c>
      <c r="BF17">
        <v>369.3</v>
      </c>
      <c r="BG17">
        <v>338</v>
      </c>
      <c r="BI17">
        <v>15</v>
      </c>
      <c r="BJ17">
        <v>999.8</v>
      </c>
      <c r="BK17">
        <v>1527</v>
      </c>
    </row>
    <row r="18" spans="1:63" x14ac:dyDescent="0.25">
      <c r="A18">
        <v>16</v>
      </c>
      <c r="B18">
        <v>628.29999999999995</v>
      </c>
      <c r="C18">
        <v>132</v>
      </c>
      <c r="E18">
        <v>16</v>
      </c>
      <c r="F18">
        <v>466.2</v>
      </c>
      <c r="G18">
        <v>201</v>
      </c>
      <c r="I18">
        <v>16</v>
      </c>
      <c r="J18">
        <v>373.2</v>
      </c>
      <c r="K18">
        <v>284</v>
      </c>
      <c r="M18">
        <v>16</v>
      </c>
      <c r="N18">
        <v>539.29999999999995</v>
      </c>
      <c r="O18">
        <v>194</v>
      </c>
      <c r="Q18">
        <v>16</v>
      </c>
      <c r="R18">
        <v>712.2</v>
      </c>
      <c r="S18">
        <v>109</v>
      </c>
      <c r="U18">
        <v>16</v>
      </c>
      <c r="V18">
        <v>595.20000000000005</v>
      </c>
      <c r="W18">
        <v>336</v>
      </c>
      <c r="Y18">
        <v>16</v>
      </c>
      <c r="Z18">
        <v>556.70000000000005</v>
      </c>
      <c r="AA18">
        <v>421</v>
      </c>
      <c r="AC18">
        <v>16</v>
      </c>
      <c r="AD18">
        <v>836.3</v>
      </c>
      <c r="AE18">
        <v>272</v>
      </c>
      <c r="AG18">
        <v>16</v>
      </c>
      <c r="AH18">
        <v>347.1</v>
      </c>
      <c r="AI18">
        <v>393</v>
      </c>
      <c r="AK18">
        <v>16</v>
      </c>
      <c r="AL18">
        <v>689.1</v>
      </c>
      <c r="AM18">
        <v>326</v>
      </c>
      <c r="AO18">
        <v>16</v>
      </c>
      <c r="AP18">
        <v>346.1</v>
      </c>
      <c r="AQ18">
        <v>453</v>
      </c>
      <c r="AS18">
        <v>16</v>
      </c>
      <c r="AT18">
        <v>381.9</v>
      </c>
      <c r="AU18">
        <v>101</v>
      </c>
      <c r="AW18">
        <v>16</v>
      </c>
      <c r="AX18">
        <v>553.4</v>
      </c>
      <c r="AY18">
        <v>268</v>
      </c>
      <c r="BA18">
        <v>16</v>
      </c>
      <c r="BB18">
        <v>383.2</v>
      </c>
      <c r="BC18">
        <v>642</v>
      </c>
      <c r="BE18">
        <v>16</v>
      </c>
      <c r="BF18">
        <v>382.1</v>
      </c>
      <c r="BG18">
        <v>253</v>
      </c>
      <c r="BI18">
        <v>16</v>
      </c>
      <c r="BJ18">
        <v>1000.2</v>
      </c>
      <c r="BK18">
        <v>637</v>
      </c>
    </row>
    <row r="19" spans="1:63" x14ac:dyDescent="0.25">
      <c r="A19">
        <v>17</v>
      </c>
      <c r="B19">
        <v>629.1</v>
      </c>
      <c r="C19">
        <v>563</v>
      </c>
      <c r="E19">
        <v>17</v>
      </c>
      <c r="F19">
        <v>466.6</v>
      </c>
      <c r="G19">
        <v>271</v>
      </c>
      <c r="I19">
        <v>17</v>
      </c>
      <c r="J19">
        <v>382.1</v>
      </c>
      <c r="K19">
        <v>442</v>
      </c>
      <c r="M19">
        <v>17</v>
      </c>
      <c r="N19">
        <v>547.79999999999995</v>
      </c>
      <c r="O19">
        <v>241</v>
      </c>
      <c r="Q19">
        <v>17</v>
      </c>
      <c r="R19">
        <v>737</v>
      </c>
      <c r="S19">
        <v>133</v>
      </c>
      <c r="U19">
        <v>17</v>
      </c>
      <c r="V19">
        <v>602.29999999999995</v>
      </c>
      <c r="W19">
        <v>276</v>
      </c>
      <c r="Y19">
        <v>17</v>
      </c>
      <c r="Z19">
        <v>586</v>
      </c>
      <c r="AA19">
        <v>229</v>
      </c>
      <c r="AC19">
        <v>17</v>
      </c>
      <c r="AD19">
        <v>837.3</v>
      </c>
      <c r="AE19">
        <v>383</v>
      </c>
      <c r="AG19">
        <v>17</v>
      </c>
      <c r="AH19">
        <v>348.1</v>
      </c>
      <c r="AI19">
        <v>1435</v>
      </c>
      <c r="AK19">
        <v>17</v>
      </c>
      <c r="AL19">
        <v>692.7</v>
      </c>
      <c r="AM19">
        <v>627</v>
      </c>
      <c r="AO19">
        <v>17</v>
      </c>
      <c r="AP19">
        <v>350.1</v>
      </c>
      <c r="AQ19">
        <v>4731</v>
      </c>
      <c r="AS19">
        <v>17</v>
      </c>
      <c r="AT19">
        <v>389.4</v>
      </c>
      <c r="AU19">
        <v>313</v>
      </c>
      <c r="AW19">
        <v>17</v>
      </c>
      <c r="AX19">
        <v>568.20000000000005</v>
      </c>
      <c r="AY19">
        <v>122</v>
      </c>
      <c r="BA19">
        <v>17</v>
      </c>
      <c r="BB19">
        <v>406</v>
      </c>
      <c r="BC19">
        <v>771</v>
      </c>
      <c r="BE19">
        <v>17</v>
      </c>
      <c r="BF19">
        <v>383.2</v>
      </c>
      <c r="BG19">
        <v>147</v>
      </c>
      <c r="BI19">
        <v>17</v>
      </c>
      <c r="BJ19">
        <v>1000.5</v>
      </c>
      <c r="BK19">
        <v>752</v>
      </c>
    </row>
    <row r="20" spans="1:63" x14ac:dyDescent="0.25">
      <c r="A20">
        <v>18</v>
      </c>
      <c r="B20">
        <v>637.70000000000005</v>
      </c>
      <c r="C20">
        <v>210</v>
      </c>
      <c r="E20">
        <v>18</v>
      </c>
      <c r="F20">
        <v>475.1</v>
      </c>
      <c r="G20">
        <v>414</v>
      </c>
      <c r="I20">
        <v>18</v>
      </c>
      <c r="J20">
        <v>389.1</v>
      </c>
      <c r="K20">
        <v>250</v>
      </c>
      <c r="M20">
        <v>18</v>
      </c>
      <c r="N20">
        <v>571.1</v>
      </c>
      <c r="O20">
        <v>473</v>
      </c>
      <c r="Q20">
        <v>18</v>
      </c>
      <c r="R20">
        <v>753.4</v>
      </c>
      <c r="S20">
        <v>233</v>
      </c>
      <c r="U20">
        <v>18</v>
      </c>
      <c r="V20">
        <v>610.1</v>
      </c>
      <c r="W20">
        <v>295</v>
      </c>
      <c r="Y20">
        <v>18</v>
      </c>
      <c r="Z20">
        <v>617.29999999999995</v>
      </c>
      <c r="AA20">
        <v>115</v>
      </c>
      <c r="AC20">
        <v>18</v>
      </c>
      <c r="AD20">
        <v>839.4</v>
      </c>
      <c r="AE20">
        <v>330</v>
      </c>
      <c r="AG20">
        <v>18</v>
      </c>
      <c r="AH20">
        <v>349.7</v>
      </c>
      <c r="AI20">
        <v>1256</v>
      </c>
      <c r="AK20">
        <v>18</v>
      </c>
      <c r="AL20">
        <v>697.2</v>
      </c>
      <c r="AM20">
        <v>329</v>
      </c>
      <c r="AO20">
        <v>18</v>
      </c>
      <c r="AP20">
        <v>351.2</v>
      </c>
      <c r="AQ20">
        <v>805</v>
      </c>
      <c r="AS20">
        <v>18</v>
      </c>
      <c r="AT20">
        <v>395.1</v>
      </c>
      <c r="AU20">
        <v>161</v>
      </c>
      <c r="AW20">
        <v>18</v>
      </c>
      <c r="AX20">
        <v>573</v>
      </c>
      <c r="AY20">
        <v>211</v>
      </c>
      <c r="BA20">
        <v>18</v>
      </c>
      <c r="BB20">
        <v>407.2</v>
      </c>
      <c r="BC20">
        <v>1752</v>
      </c>
      <c r="BE20">
        <v>18</v>
      </c>
      <c r="BF20">
        <v>389.3</v>
      </c>
      <c r="BG20">
        <v>321</v>
      </c>
      <c r="BI20">
        <v>18</v>
      </c>
      <c r="BJ20">
        <v>1000.8</v>
      </c>
      <c r="BK20">
        <v>293</v>
      </c>
    </row>
    <row r="21" spans="1:63" x14ac:dyDescent="0.25">
      <c r="A21">
        <v>19</v>
      </c>
      <c r="B21">
        <v>658.2</v>
      </c>
      <c r="C21">
        <v>293</v>
      </c>
      <c r="E21">
        <v>19</v>
      </c>
      <c r="F21">
        <v>491</v>
      </c>
      <c r="G21">
        <v>133</v>
      </c>
      <c r="I21">
        <v>19</v>
      </c>
      <c r="J21">
        <v>407.2</v>
      </c>
      <c r="K21">
        <v>700</v>
      </c>
      <c r="M21">
        <v>19</v>
      </c>
      <c r="N21">
        <v>572.1</v>
      </c>
      <c r="O21">
        <v>121</v>
      </c>
      <c r="Q21">
        <v>19</v>
      </c>
      <c r="R21">
        <v>753.8</v>
      </c>
      <c r="S21">
        <v>481</v>
      </c>
      <c r="U21">
        <v>19</v>
      </c>
      <c r="V21">
        <v>628.20000000000005</v>
      </c>
      <c r="W21">
        <v>332</v>
      </c>
      <c r="Y21">
        <v>19</v>
      </c>
      <c r="Z21">
        <v>617.5</v>
      </c>
      <c r="AA21">
        <v>340</v>
      </c>
      <c r="AC21">
        <v>19</v>
      </c>
      <c r="AD21">
        <v>867.7</v>
      </c>
      <c r="AE21">
        <v>163</v>
      </c>
      <c r="AG21">
        <v>19</v>
      </c>
      <c r="AH21">
        <v>350.1</v>
      </c>
      <c r="AI21">
        <v>9765</v>
      </c>
      <c r="AK21">
        <v>19</v>
      </c>
      <c r="AL21">
        <v>701.7</v>
      </c>
      <c r="AM21">
        <v>1355</v>
      </c>
      <c r="AO21">
        <v>19</v>
      </c>
      <c r="AP21">
        <v>352.3</v>
      </c>
      <c r="AQ21">
        <v>840</v>
      </c>
      <c r="AS21">
        <v>19</v>
      </c>
      <c r="AT21">
        <v>407.2</v>
      </c>
      <c r="AU21">
        <v>608</v>
      </c>
      <c r="AW21">
        <v>19</v>
      </c>
      <c r="AX21">
        <v>579.70000000000005</v>
      </c>
      <c r="AY21">
        <v>113</v>
      </c>
      <c r="BA21">
        <v>19</v>
      </c>
      <c r="BB21">
        <v>408.1</v>
      </c>
      <c r="BC21">
        <v>351</v>
      </c>
      <c r="BE21">
        <v>19</v>
      </c>
      <c r="BF21">
        <v>424.3</v>
      </c>
      <c r="BG21">
        <v>1348</v>
      </c>
      <c r="BI21">
        <v>19</v>
      </c>
      <c r="BJ21">
        <v>1034.4000000000001</v>
      </c>
      <c r="BK21">
        <v>439</v>
      </c>
    </row>
    <row r="22" spans="1:63" x14ac:dyDescent="0.25">
      <c r="A22">
        <v>20</v>
      </c>
      <c r="B22">
        <v>678.9</v>
      </c>
      <c r="C22">
        <v>204</v>
      </c>
      <c r="E22">
        <v>20</v>
      </c>
      <c r="F22">
        <v>508.1</v>
      </c>
      <c r="G22">
        <v>240</v>
      </c>
      <c r="I22">
        <v>20</v>
      </c>
      <c r="J22">
        <v>421.4</v>
      </c>
      <c r="K22">
        <v>188</v>
      </c>
      <c r="M22">
        <v>20</v>
      </c>
      <c r="N22">
        <v>573.29999999999995</v>
      </c>
      <c r="O22">
        <v>134</v>
      </c>
      <c r="Q22">
        <v>20</v>
      </c>
      <c r="R22">
        <v>756.1</v>
      </c>
      <c r="S22">
        <v>540</v>
      </c>
      <c r="U22">
        <v>20</v>
      </c>
      <c r="V22">
        <v>635.20000000000005</v>
      </c>
      <c r="W22">
        <v>140</v>
      </c>
      <c r="Y22">
        <v>20</v>
      </c>
      <c r="Z22">
        <v>626.29999999999995</v>
      </c>
      <c r="AA22">
        <v>196</v>
      </c>
      <c r="AC22">
        <v>20</v>
      </c>
      <c r="AD22">
        <v>883.3</v>
      </c>
      <c r="AE22">
        <v>394</v>
      </c>
      <c r="AG22">
        <v>20</v>
      </c>
      <c r="AH22">
        <v>351</v>
      </c>
      <c r="AI22">
        <v>358</v>
      </c>
      <c r="AK22">
        <v>20</v>
      </c>
      <c r="AL22">
        <v>702.3</v>
      </c>
      <c r="AM22">
        <v>603</v>
      </c>
      <c r="AO22">
        <v>20</v>
      </c>
      <c r="AP22">
        <v>365</v>
      </c>
      <c r="AQ22">
        <v>273</v>
      </c>
      <c r="AS22">
        <v>20</v>
      </c>
      <c r="AT22">
        <v>423.9</v>
      </c>
      <c r="AU22">
        <v>321</v>
      </c>
      <c r="AW22">
        <v>20</v>
      </c>
      <c r="AX22">
        <v>600.5</v>
      </c>
      <c r="AY22">
        <v>333</v>
      </c>
      <c r="BA22">
        <v>20</v>
      </c>
      <c r="BB22">
        <v>423.9</v>
      </c>
      <c r="BC22">
        <v>891</v>
      </c>
      <c r="BE22">
        <v>20</v>
      </c>
      <c r="BF22">
        <v>425.2</v>
      </c>
      <c r="BG22">
        <v>576</v>
      </c>
      <c r="BI22">
        <v>20</v>
      </c>
      <c r="BJ22">
        <v>1039</v>
      </c>
      <c r="BK22">
        <v>186</v>
      </c>
    </row>
    <row r="23" spans="1:63" x14ac:dyDescent="0.25">
      <c r="A23">
        <v>21</v>
      </c>
      <c r="B23">
        <v>700.8</v>
      </c>
      <c r="C23">
        <v>245</v>
      </c>
      <c r="E23">
        <v>21</v>
      </c>
      <c r="F23">
        <v>508.4</v>
      </c>
      <c r="G23">
        <v>123</v>
      </c>
      <c r="I23">
        <v>21</v>
      </c>
      <c r="J23">
        <v>424.1</v>
      </c>
      <c r="K23">
        <v>2072</v>
      </c>
      <c r="M23">
        <v>21</v>
      </c>
      <c r="N23">
        <v>586.4</v>
      </c>
      <c r="O23">
        <v>301</v>
      </c>
      <c r="Q23">
        <v>21</v>
      </c>
      <c r="R23">
        <v>770.1</v>
      </c>
      <c r="S23">
        <v>196</v>
      </c>
      <c r="U23">
        <v>21</v>
      </c>
      <c r="V23">
        <v>639.29999999999995</v>
      </c>
      <c r="W23">
        <v>188</v>
      </c>
      <c r="Y23">
        <v>21</v>
      </c>
      <c r="Z23">
        <v>637.29999999999995</v>
      </c>
      <c r="AA23">
        <v>1134</v>
      </c>
      <c r="AC23">
        <v>21</v>
      </c>
      <c r="AD23">
        <v>944.1</v>
      </c>
      <c r="AE23">
        <v>133</v>
      </c>
      <c r="AG23">
        <v>21</v>
      </c>
      <c r="AH23">
        <v>366.2</v>
      </c>
      <c r="AI23">
        <v>1643</v>
      </c>
      <c r="AK23">
        <v>21</v>
      </c>
      <c r="AL23">
        <v>702.7</v>
      </c>
      <c r="AM23">
        <v>574</v>
      </c>
      <c r="AO23">
        <v>21</v>
      </c>
      <c r="AP23">
        <v>368.3</v>
      </c>
      <c r="AQ23">
        <v>2809</v>
      </c>
      <c r="AS23">
        <v>21</v>
      </c>
      <c r="AT23">
        <v>424.2</v>
      </c>
      <c r="AU23">
        <v>996</v>
      </c>
      <c r="AW23">
        <v>21</v>
      </c>
      <c r="AX23">
        <v>600.70000000000005</v>
      </c>
      <c r="AY23">
        <v>275</v>
      </c>
      <c r="BA23">
        <v>21</v>
      </c>
      <c r="BB23">
        <v>424.2</v>
      </c>
      <c r="BC23">
        <v>6422</v>
      </c>
      <c r="BE23">
        <v>21</v>
      </c>
      <c r="BF23">
        <v>428.2</v>
      </c>
      <c r="BG23">
        <v>266</v>
      </c>
      <c r="BI23">
        <v>21</v>
      </c>
      <c r="BJ23">
        <v>1068.2</v>
      </c>
      <c r="BK23">
        <v>235</v>
      </c>
    </row>
    <row r="24" spans="1:63" x14ac:dyDescent="0.25">
      <c r="A24">
        <v>22</v>
      </c>
      <c r="B24">
        <v>716.9</v>
      </c>
      <c r="C24">
        <v>147</v>
      </c>
      <c r="E24">
        <v>22</v>
      </c>
      <c r="F24">
        <v>508.9</v>
      </c>
      <c r="G24">
        <v>309</v>
      </c>
      <c r="I24">
        <v>22</v>
      </c>
      <c r="J24">
        <v>425.3</v>
      </c>
      <c r="K24">
        <v>522</v>
      </c>
      <c r="M24">
        <v>22</v>
      </c>
      <c r="N24">
        <v>587.1</v>
      </c>
      <c r="O24">
        <v>177</v>
      </c>
      <c r="Q24">
        <v>22</v>
      </c>
      <c r="R24">
        <v>772.3</v>
      </c>
      <c r="S24">
        <v>155</v>
      </c>
      <c r="U24">
        <v>22</v>
      </c>
      <c r="V24">
        <v>640.29999999999995</v>
      </c>
      <c r="W24">
        <v>148</v>
      </c>
      <c r="Y24">
        <v>22</v>
      </c>
      <c r="Z24">
        <v>637.70000000000005</v>
      </c>
      <c r="AA24">
        <v>1307</v>
      </c>
      <c r="AC24">
        <v>22</v>
      </c>
      <c r="AD24">
        <v>957</v>
      </c>
      <c r="AE24">
        <v>391</v>
      </c>
      <c r="AG24">
        <v>22</v>
      </c>
      <c r="AH24">
        <v>368.1</v>
      </c>
      <c r="AI24">
        <v>1799</v>
      </c>
      <c r="AK24">
        <v>22</v>
      </c>
      <c r="AL24">
        <v>703.2</v>
      </c>
      <c r="AM24">
        <v>305</v>
      </c>
      <c r="AO24">
        <v>22</v>
      </c>
      <c r="AP24">
        <v>369.3</v>
      </c>
      <c r="AQ24">
        <v>202</v>
      </c>
      <c r="AS24">
        <v>22</v>
      </c>
      <c r="AT24">
        <v>425.1</v>
      </c>
      <c r="AU24">
        <v>810</v>
      </c>
      <c r="AW24">
        <v>22</v>
      </c>
      <c r="AX24">
        <v>601.1</v>
      </c>
      <c r="AY24">
        <v>255</v>
      </c>
      <c r="BA24">
        <v>22</v>
      </c>
      <c r="BB24">
        <v>425.1</v>
      </c>
      <c r="BC24">
        <v>966</v>
      </c>
      <c r="BE24">
        <v>22</v>
      </c>
      <c r="BF24">
        <v>439.9</v>
      </c>
      <c r="BG24">
        <v>109</v>
      </c>
      <c r="BI24">
        <v>22</v>
      </c>
      <c r="BJ24">
        <v>1073.9000000000001</v>
      </c>
      <c r="BK24">
        <v>1397</v>
      </c>
    </row>
    <row r="25" spans="1:63" x14ac:dyDescent="0.25">
      <c r="A25">
        <v>23</v>
      </c>
      <c r="B25">
        <v>733</v>
      </c>
      <c r="C25">
        <v>102</v>
      </c>
      <c r="E25">
        <v>23</v>
      </c>
      <c r="F25">
        <v>509.2</v>
      </c>
      <c r="G25">
        <v>702</v>
      </c>
      <c r="I25">
        <v>23</v>
      </c>
      <c r="J25">
        <v>426</v>
      </c>
      <c r="K25">
        <v>114</v>
      </c>
      <c r="M25">
        <v>23</v>
      </c>
      <c r="N25">
        <v>624.29999999999995</v>
      </c>
      <c r="O25">
        <v>281</v>
      </c>
      <c r="Q25">
        <v>23</v>
      </c>
      <c r="R25">
        <v>773.3</v>
      </c>
      <c r="S25">
        <v>295</v>
      </c>
      <c r="U25">
        <v>23</v>
      </c>
      <c r="V25">
        <v>651.29999999999995</v>
      </c>
      <c r="W25">
        <v>317</v>
      </c>
      <c r="Y25">
        <v>23</v>
      </c>
      <c r="Z25">
        <v>638.29999999999995</v>
      </c>
      <c r="AA25">
        <v>450</v>
      </c>
      <c r="AC25">
        <v>23</v>
      </c>
      <c r="AD25">
        <v>1000.2</v>
      </c>
      <c r="AE25">
        <v>268</v>
      </c>
      <c r="AG25">
        <v>23</v>
      </c>
      <c r="AH25">
        <v>369.2</v>
      </c>
      <c r="AI25">
        <v>675</v>
      </c>
      <c r="AK25">
        <v>23</v>
      </c>
      <c r="AL25">
        <v>731.3</v>
      </c>
      <c r="AM25">
        <v>407</v>
      </c>
      <c r="AO25">
        <v>23</v>
      </c>
      <c r="AP25">
        <v>373</v>
      </c>
      <c r="AQ25">
        <v>482</v>
      </c>
      <c r="AS25">
        <v>23</v>
      </c>
      <c r="AT25">
        <v>447.3</v>
      </c>
      <c r="AU25">
        <v>616</v>
      </c>
      <c r="AW25">
        <v>23</v>
      </c>
      <c r="AX25">
        <v>614.29999999999995</v>
      </c>
      <c r="AY25">
        <v>118</v>
      </c>
      <c r="BA25">
        <v>23</v>
      </c>
      <c r="BB25">
        <v>426.1</v>
      </c>
      <c r="BC25">
        <v>411</v>
      </c>
      <c r="BE25">
        <v>23</v>
      </c>
      <c r="BF25">
        <v>450.2</v>
      </c>
      <c r="BG25">
        <v>1036</v>
      </c>
      <c r="BI25">
        <v>23</v>
      </c>
      <c r="BJ25">
        <v>1074.3</v>
      </c>
      <c r="BK25">
        <v>913</v>
      </c>
    </row>
    <row r="26" spans="1:63" x14ac:dyDescent="0.25">
      <c r="A26">
        <v>24</v>
      </c>
      <c r="B26">
        <v>737.9</v>
      </c>
      <c r="C26">
        <v>413</v>
      </c>
      <c r="E26">
        <v>24</v>
      </c>
      <c r="F26">
        <v>516.20000000000005</v>
      </c>
      <c r="G26">
        <v>121</v>
      </c>
      <c r="I26">
        <v>24</v>
      </c>
      <c r="J26">
        <v>431.1</v>
      </c>
      <c r="K26">
        <v>100</v>
      </c>
      <c r="M26">
        <v>24</v>
      </c>
      <c r="N26">
        <v>628.20000000000005</v>
      </c>
      <c r="O26">
        <v>166</v>
      </c>
      <c r="Q26">
        <v>24</v>
      </c>
      <c r="R26">
        <v>774.3</v>
      </c>
      <c r="S26">
        <v>256</v>
      </c>
      <c r="U26">
        <v>24</v>
      </c>
      <c r="V26">
        <v>652.1</v>
      </c>
      <c r="W26">
        <v>387</v>
      </c>
      <c r="Y26">
        <v>24</v>
      </c>
      <c r="Z26">
        <v>639.20000000000005</v>
      </c>
      <c r="AA26">
        <v>240</v>
      </c>
      <c r="AC26">
        <v>24</v>
      </c>
      <c r="AD26">
        <v>1000.8</v>
      </c>
      <c r="AE26">
        <v>156</v>
      </c>
      <c r="AG26">
        <v>24</v>
      </c>
      <c r="AH26">
        <v>381.3</v>
      </c>
      <c r="AI26">
        <v>596</v>
      </c>
      <c r="AK26">
        <v>24</v>
      </c>
      <c r="AL26">
        <v>771.4</v>
      </c>
      <c r="AM26">
        <v>141</v>
      </c>
      <c r="AO26">
        <v>24</v>
      </c>
      <c r="AP26">
        <v>381.2</v>
      </c>
      <c r="AQ26">
        <v>330</v>
      </c>
      <c r="AS26">
        <v>24</v>
      </c>
      <c r="AT26">
        <v>454.1</v>
      </c>
      <c r="AU26">
        <v>600</v>
      </c>
      <c r="AW26">
        <v>24</v>
      </c>
      <c r="AX26">
        <v>655.29999999999995</v>
      </c>
      <c r="AY26">
        <v>1615</v>
      </c>
      <c r="BA26">
        <v>24</v>
      </c>
      <c r="BB26">
        <v>436.7</v>
      </c>
      <c r="BC26">
        <v>638</v>
      </c>
      <c r="BE26">
        <v>24</v>
      </c>
      <c r="BF26">
        <v>467.1</v>
      </c>
      <c r="BG26">
        <v>426</v>
      </c>
      <c r="BI26">
        <v>24</v>
      </c>
      <c r="BJ26">
        <v>1074.8</v>
      </c>
      <c r="BK26">
        <v>391</v>
      </c>
    </row>
    <row r="27" spans="1:63" x14ac:dyDescent="0.25">
      <c r="A27">
        <v>25</v>
      </c>
      <c r="B27">
        <v>758.8</v>
      </c>
      <c r="C27">
        <v>164</v>
      </c>
      <c r="E27">
        <v>25</v>
      </c>
      <c r="F27">
        <v>521</v>
      </c>
      <c r="G27">
        <v>163</v>
      </c>
      <c r="I27">
        <v>25</v>
      </c>
      <c r="J27">
        <v>466.1</v>
      </c>
      <c r="K27">
        <v>191</v>
      </c>
      <c r="M27">
        <v>25</v>
      </c>
      <c r="N27">
        <v>628.70000000000005</v>
      </c>
      <c r="O27">
        <v>161</v>
      </c>
      <c r="Q27">
        <v>25</v>
      </c>
      <c r="R27">
        <v>790.8</v>
      </c>
      <c r="S27">
        <v>179</v>
      </c>
      <c r="U27">
        <v>25</v>
      </c>
      <c r="V27">
        <v>652.4</v>
      </c>
      <c r="W27">
        <v>408</v>
      </c>
      <c r="Y27">
        <v>25</v>
      </c>
      <c r="Z27">
        <v>652.4</v>
      </c>
      <c r="AA27">
        <v>122</v>
      </c>
      <c r="AC27">
        <v>25</v>
      </c>
      <c r="AD27">
        <v>1009.7</v>
      </c>
      <c r="AE27">
        <v>686</v>
      </c>
      <c r="AG27">
        <v>25</v>
      </c>
      <c r="AH27">
        <v>381.6</v>
      </c>
      <c r="AI27">
        <v>180</v>
      </c>
      <c r="AK27">
        <v>25</v>
      </c>
      <c r="AL27">
        <v>780.2</v>
      </c>
      <c r="AM27">
        <v>122</v>
      </c>
      <c r="AO27">
        <v>25</v>
      </c>
      <c r="AP27">
        <v>381.5</v>
      </c>
      <c r="AQ27">
        <v>1230</v>
      </c>
      <c r="AS27">
        <v>25</v>
      </c>
      <c r="AT27">
        <v>466.2</v>
      </c>
      <c r="AU27">
        <v>487</v>
      </c>
      <c r="AW27">
        <v>25</v>
      </c>
      <c r="AX27">
        <v>656.3</v>
      </c>
      <c r="AY27">
        <v>697</v>
      </c>
      <c r="BA27">
        <v>25</v>
      </c>
      <c r="BB27">
        <v>445.6</v>
      </c>
      <c r="BC27">
        <v>206</v>
      </c>
      <c r="BE27">
        <v>25</v>
      </c>
      <c r="BF27">
        <v>470</v>
      </c>
      <c r="BG27">
        <v>109</v>
      </c>
      <c r="BI27">
        <v>25</v>
      </c>
      <c r="BJ27">
        <v>1075.4000000000001</v>
      </c>
      <c r="BK27">
        <v>324</v>
      </c>
    </row>
    <row r="28" spans="1:63" x14ac:dyDescent="0.25">
      <c r="A28">
        <v>26</v>
      </c>
      <c r="B28">
        <v>771.2</v>
      </c>
      <c r="C28">
        <v>182</v>
      </c>
      <c r="E28">
        <v>26</v>
      </c>
      <c r="F28">
        <v>527.70000000000005</v>
      </c>
      <c r="G28">
        <v>111</v>
      </c>
      <c r="I28">
        <v>26</v>
      </c>
      <c r="J28">
        <v>466.8</v>
      </c>
      <c r="K28">
        <v>547</v>
      </c>
      <c r="M28">
        <v>26</v>
      </c>
      <c r="N28">
        <v>629.1</v>
      </c>
      <c r="O28">
        <v>187</v>
      </c>
      <c r="Q28">
        <v>26</v>
      </c>
      <c r="R28">
        <v>791.5</v>
      </c>
      <c r="S28">
        <v>340</v>
      </c>
      <c r="U28">
        <v>26</v>
      </c>
      <c r="V28">
        <v>653.20000000000005</v>
      </c>
      <c r="W28">
        <v>189</v>
      </c>
      <c r="Y28">
        <v>26</v>
      </c>
      <c r="Z28">
        <v>653.1</v>
      </c>
      <c r="AA28">
        <v>324</v>
      </c>
      <c r="AC28">
        <v>26</v>
      </c>
      <c r="AD28">
        <v>1058.5999999999999</v>
      </c>
      <c r="AE28">
        <v>130</v>
      </c>
      <c r="AG28">
        <v>26</v>
      </c>
      <c r="AH28">
        <v>381.9</v>
      </c>
      <c r="AI28">
        <v>194</v>
      </c>
      <c r="AK28">
        <v>26</v>
      </c>
      <c r="AL28">
        <v>781.3</v>
      </c>
      <c r="AM28">
        <v>155</v>
      </c>
      <c r="AO28">
        <v>26</v>
      </c>
      <c r="AP28">
        <v>382.1</v>
      </c>
      <c r="AQ28">
        <v>6604</v>
      </c>
      <c r="AS28">
        <v>26</v>
      </c>
      <c r="AT28">
        <v>466.7</v>
      </c>
      <c r="AU28">
        <v>751</v>
      </c>
      <c r="AW28">
        <v>26</v>
      </c>
      <c r="AX28">
        <v>657.1</v>
      </c>
      <c r="AY28">
        <v>141</v>
      </c>
      <c r="BA28">
        <v>26</v>
      </c>
      <c r="BB28">
        <v>451</v>
      </c>
      <c r="BC28">
        <v>209</v>
      </c>
      <c r="BE28">
        <v>26</v>
      </c>
      <c r="BF28">
        <v>472.3</v>
      </c>
      <c r="BG28">
        <v>129</v>
      </c>
      <c r="BI28">
        <v>26</v>
      </c>
      <c r="BJ28">
        <v>1075.9000000000001</v>
      </c>
      <c r="BK28">
        <v>452</v>
      </c>
    </row>
    <row r="29" spans="1:63" x14ac:dyDescent="0.25">
      <c r="A29">
        <v>27</v>
      </c>
      <c r="B29">
        <v>790.2</v>
      </c>
      <c r="C29">
        <v>238</v>
      </c>
      <c r="E29">
        <v>27</v>
      </c>
      <c r="F29">
        <v>548.6</v>
      </c>
      <c r="G29">
        <v>324</v>
      </c>
      <c r="I29">
        <v>27</v>
      </c>
      <c r="J29">
        <v>473.3</v>
      </c>
      <c r="K29">
        <v>191</v>
      </c>
      <c r="M29">
        <v>27</v>
      </c>
      <c r="N29">
        <v>629.79999999999995</v>
      </c>
      <c r="O29">
        <v>409</v>
      </c>
      <c r="Q29">
        <v>27</v>
      </c>
      <c r="R29">
        <v>803.3</v>
      </c>
      <c r="S29">
        <v>1344</v>
      </c>
      <c r="U29">
        <v>27</v>
      </c>
      <c r="V29">
        <v>655.29999999999995</v>
      </c>
      <c r="W29">
        <v>1649</v>
      </c>
      <c r="Y29">
        <v>27</v>
      </c>
      <c r="Z29">
        <v>660</v>
      </c>
      <c r="AA29">
        <v>615</v>
      </c>
      <c r="AC29">
        <v>27</v>
      </c>
      <c r="AD29">
        <v>1059</v>
      </c>
      <c r="AE29">
        <v>203</v>
      </c>
      <c r="AG29">
        <v>27</v>
      </c>
      <c r="AH29">
        <v>382.1</v>
      </c>
      <c r="AI29">
        <v>199</v>
      </c>
      <c r="AK29">
        <v>27</v>
      </c>
      <c r="AL29">
        <v>782.7</v>
      </c>
      <c r="AM29">
        <v>2600</v>
      </c>
      <c r="AO29">
        <v>27</v>
      </c>
      <c r="AP29">
        <v>383.1</v>
      </c>
      <c r="AQ29">
        <v>278</v>
      </c>
      <c r="AS29">
        <v>27</v>
      </c>
      <c r="AT29">
        <v>467.7</v>
      </c>
      <c r="AU29">
        <v>491</v>
      </c>
      <c r="AW29">
        <v>27</v>
      </c>
      <c r="AX29">
        <v>671.6</v>
      </c>
      <c r="AY29">
        <v>245</v>
      </c>
      <c r="BA29">
        <v>27</v>
      </c>
      <c r="BB29">
        <v>454.2</v>
      </c>
      <c r="BC29">
        <v>125</v>
      </c>
      <c r="BE29">
        <v>27</v>
      </c>
      <c r="BF29">
        <v>502.1</v>
      </c>
      <c r="BG29">
        <v>141</v>
      </c>
      <c r="BI29">
        <v>27</v>
      </c>
      <c r="BJ29">
        <v>1089.0999999999999</v>
      </c>
      <c r="BK29">
        <v>485</v>
      </c>
    </row>
    <row r="30" spans="1:63" x14ac:dyDescent="0.25">
      <c r="A30">
        <v>28</v>
      </c>
      <c r="B30">
        <v>951.5</v>
      </c>
      <c r="C30">
        <v>496</v>
      </c>
      <c r="E30">
        <v>28</v>
      </c>
      <c r="F30">
        <v>549.29999999999995</v>
      </c>
      <c r="G30">
        <v>245</v>
      </c>
      <c r="I30">
        <v>28</v>
      </c>
      <c r="J30">
        <v>474</v>
      </c>
      <c r="K30">
        <v>280</v>
      </c>
      <c r="M30">
        <v>28</v>
      </c>
      <c r="N30">
        <v>637.79999999999995</v>
      </c>
      <c r="O30">
        <v>237</v>
      </c>
      <c r="Q30">
        <v>28</v>
      </c>
      <c r="R30">
        <v>803.8</v>
      </c>
      <c r="S30">
        <v>738</v>
      </c>
      <c r="U30">
        <v>28</v>
      </c>
      <c r="V30">
        <v>656.3</v>
      </c>
      <c r="W30">
        <v>892</v>
      </c>
      <c r="Y30">
        <v>28</v>
      </c>
      <c r="Z30">
        <v>670.2</v>
      </c>
      <c r="AA30">
        <v>149</v>
      </c>
      <c r="AC30">
        <v>28</v>
      </c>
      <c r="AD30">
        <v>1060.3</v>
      </c>
      <c r="AE30">
        <v>994</v>
      </c>
      <c r="AG30">
        <v>28</v>
      </c>
      <c r="AH30">
        <v>383</v>
      </c>
      <c r="AI30">
        <v>536</v>
      </c>
      <c r="AK30">
        <v>28</v>
      </c>
      <c r="AL30">
        <v>783.3</v>
      </c>
      <c r="AM30">
        <v>1784</v>
      </c>
      <c r="AO30">
        <v>28</v>
      </c>
      <c r="AP30">
        <v>384.1</v>
      </c>
      <c r="AQ30">
        <v>353</v>
      </c>
      <c r="AS30">
        <v>28</v>
      </c>
      <c r="AT30">
        <v>475.2</v>
      </c>
      <c r="AU30">
        <v>126</v>
      </c>
      <c r="AW30">
        <v>28</v>
      </c>
      <c r="AX30">
        <v>672.2</v>
      </c>
      <c r="AY30">
        <v>243</v>
      </c>
      <c r="BA30">
        <v>28</v>
      </c>
      <c r="BB30">
        <v>465.3</v>
      </c>
      <c r="BC30">
        <v>232</v>
      </c>
      <c r="BE30">
        <v>28</v>
      </c>
      <c r="BF30">
        <v>511.5</v>
      </c>
      <c r="BG30">
        <v>122</v>
      </c>
      <c r="BI30">
        <v>28</v>
      </c>
      <c r="BJ30">
        <v>1109.8</v>
      </c>
      <c r="BK30">
        <v>372</v>
      </c>
    </row>
    <row r="31" spans="1:63" x14ac:dyDescent="0.25">
      <c r="A31">
        <v>29</v>
      </c>
      <c r="B31">
        <v>952.2</v>
      </c>
      <c r="C31">
        <v>178</v>
      </c>
      <c r="E31">
        <v>29</v>
      </c>
      <c r="F31">
        <v>553.20000000000005</v>
      </c>
      <c r="G31">
        <v>199</v>
      </c>
      <c r="I31">
        <v>29</v>
      </c>
      <c r="J31">
        <v>476.3</v>
      </c>
      <c r="K31">
        <v>183</v>
      </c>
      <c r="M31">
        <v>29</v>
      </c>
      <c r="N31">
        <v>642.29999999999995</v>
      </c>
      <c r="O31">
        <v>109</v>
      </c>
      <c r="Q31">
        <v>29</v>
      </c>
      <c r="R31">
        <v>804.2</v>
      </c>
      <c r="S31">
        <v>605</v>
      </c>
      <c r="U31">
        <v>29</v>
      </c>
      <c r="V31">
        <v>657.3</v>
      </c>
      <c r="W31">
        <v>226</v>
      </c>
      <c r="Y31">
        <v>29</v>
      </c>
      <c r="Z31">
        <v>671.2</v>
      </c>
      <c r="AA31">
        <v>153</v>
      </c>
      <c r="AC31">
        <v>29</v>
      </c>
      <c r="AD31">
        <v>1064.7</v>
      </c>
      <c r="AE31">
        <v>331</v>
      </c>
      <c r="AG31">
        <v>29</v>
      </c>
      <c r="AH31">
        <v>384.1</v>
      </c>
      <c r="AI31">
        <v>533</v>
      </c>
      <c r="AK31">
        <v>29</v>
      </c>
      <c r="AL31">
        <v>784.2</v>
      </c>
      <c r="AM31">
        <v>195</v>
      </c>
      <c r="AO31">
        <v>29</v>
      </c>
      <c r="AP31">
        <v>385.1</v>
      </c>
      <c r="AQ31">
        <v>985</v>
      </c>
      <c r="AS31">
        <v>29</v>
      </c>
      <c r="AT31">
        <v>477</v>
      </c>
      <c r="AU31">
        <v>119</v>
      </c>
      <c r="AW31">
        <v>29</v>
      </c>
      <c r="AX31">
        <v>672.4</v>
      </c>
      <c r="AY31">
        <v>115</v>
      </c>
      <c r="BA31">
        <v>29</v>
      </c>
      <c r="BB31">
        <v>465.6</v>
      </c>
      <c r="BC31">
        <v>396</v>
      </c>
      <c r="BE31">
        <v>29</v>
      </c>
      <c r="BF31">
        <v>512</v>
      </c>
      <c r="BG31">
        <v>291</v>
      </c>
      <c r="BI31">
        <v>29</v>
      </c>
      <c r="BJ31">
        <v>1110.4000000000001</v>
      </c>
      <c r="BK31">
        <v>118</v>
      </c>
    </row>
    <row r="32" spans="1:63" x14ac:dyDescent="0.25">
      <c r="A32">
        <v>30</v>
      </c>
      <c r="B32">
        <v>953.5</v>
      </c>
      <c r="C32">
        <v>218</v>
      </c>
      <c r="E32">
        <v>30</v>
      </c>
      <c r="F32">
        <v>568.70000000000005</v>
      </c>
      <c r="G32">
        <v>145</v>
      </c>
      <c r="I32">
        <v>30</v>
      </c>
      <c r="J32">
        <v>491.2</v>
      </c>
      <c r="K32">
        <v>219</v>
      </c>
      <c r="M32">
        <v>30</v>
      </c>
      <c r="N32">
        <v>648.79999999999995</v>
      </c>
      <c r="O32">
        <v>292</v>
      </c>
      <c r="Q32">
        <v>30</v>
      </c>
      <c r="R32">
        <v>804.7</v>
      </c>
      <c r="S32">
        <v>163</v>
      </c>
      <c r="U32">
        <v>30</v>
      </c>
      <c r="V32">
        <v>658.1</v>
      </c>
      <c r="W32">
        <v>208</v>
      </c>
      <c r="Y32">
        <v>30</v>
      </c>
      <c r="Z32">
        <v>671.4</v>
      </c>
      <c r="AA32">
        <v>343</v>
      </c>
      <c r="AC32">
        <v>30</v>
      </c>
      <c r="AD32">
        <v>1071.3</v>
      </c>
      <c r="AE32">
        <v>199</v>
      </c>
      <c r="AG32">
        <v>30</v>
      </c>
      <c r="AH32">
        <v>407.1</v>
      </c>
      <c r="AI32">
        <v>2829</v>
      </c>
      <c r="AK32">
        <v>30</v>
      </c>
      <c r="AL32">
        <v>784.6</v>
      </c>
      <c r="AM32">
        <v>182</v>
      </c>
      <c r="AO32">
        <v>30</v>
      </c>
      <c r="AP32">
        <v>389.2</v>
      </c>
      <c r="AQ32">
        <v>1190</v>
      </c>
      <c r="AS32">
        <v>30</v>
      </c>
      <c r="AT32">
        <v>483.8</v>
      </c>
      <c r="AU32">
        <v>505</v>
      </c>
      <c r="AW32">
        <v>30</v>
      </c>
      <c r="AX32">
        <v>673.1</v>
      </c>
      <c r="AY32">
        <v>465</v>
      </c>
      <c r="BA32">
        <v>30</v>
      </c>
      <c r="BB32">
        <v>466.2</v>
      </c>
      <c r="BC32">
        <v>2960</v>
      </c>
      <c r="BE32">
        <v>30</v>
      </c>
      <c r="BF32">
        <v>514.29999999999995</v>
      </c>
      <c r="BG32">
        <v>296</v>
      </c>
      <c r="BI32">
        <v>30</v>
      </c>
      <c r="BJ32">
        <v>1111</v>
      </c>
      <c r="BK32">
        <v>105</v>
      </c>
    </row>
    <row r="33" spans="1:63" x14ac:dyDescent="0.25">
      <c r="A33">
        <v>31</v>
      </c>
      <c r="B33">
        <v>956.2</v>
      </c>
      <c r="C33">
        <v>182</v>
      </c>
      <c r="E33">
        <v>31</v>
      </c>
      <c r="F33">
        <v>574.70000000000005</v>
      </c>
      <c r="G33">
        <v>306</v>
      </c>
      <c r="I33">
        <v>31</v>
      </c>
      <c r="J33">
        <v>509.2</v>
      </c>
      <c r="K33">
        <v>281</v>
      </c>
      <c r="M33">
        <v>31</v>
      </c>
      <c r="N33">
        <v>650.1</v>
      </c>
      <c r="O33">
        <v>139</v>
      </c>
      <c r="Q33">
        <v>31</v>
      </c>
      <c r="R33">
        <v>810.7</v>
      </c>
      <c r="S33">
        <v>454</v>
      </c>
      <c r="U33">
        <v>31</v>
      </c>
      <c r="V33">
        <v>663.2</v>
      </c>
      <c r="W33">
        <v>107</v>
      </c>
      <c r="Y33">
        <v>31</v>
      </c>
      <c r="Z33">
        <v>688.2</v>
      </c>
      <c r="AA33">
        <v>338</v>
      </c>
      <c r="AC33">
        <v>31</v>
      </c>
      <c r="AD33">
        <v>1090.3</v>
      </c>
      <c r="AE33">
        <v>415</v>
      </c>
      <c r="AG33">
        <v>31</v>
      </c>
      <c r="AH33">
        <v>424.2</v>
      </c>
      <c r="AI33">
        <v>1389</v>
      </c>
      <c r="AK33">
        <v>31</v>
      </c>
      <c r="AL33">
        <v>817</v>
      </c>
      <c r="AM33">
        <v>549</v>
      </c>
      <c r="AO33">
        <v>31</v>
      </c>
      <c r="AP33">
        <v>389.3</v>
      </c>
      <c r="AQ33">
        <v>905</v>
      </c>
      <c r="AS33">
        <v>31</v>
      </c>
      <c r="AT33">
        <v>489.3</v>
      </c>
      <c r="AU33">
        <v>213</v>
      </c>
      <c r="AW33">
        <v>31</v>
      </c>
      <c r="AX33">
        <v>679.3</v>
      </c>
      <c r="AY33">
        <v>116</v>
      </c>
      <c r="BA33">
        <v>31</v>
      </c>
      <c r="BB33">
        <v>467.2</v>
      </c>
      <c r="BC33">
        <v>257</v>
      </c>
      <c r="BE33">
        <v>31</v>
      </c>
      <c r="BF33">
        <v>519.29999999999995</v>
      </c>
      <c r="BG33">
        <v>316</v>
      </c>
      <c r="BI33">
        <v>31</v>
      </c>
      <c r="BJ33">
        <v>1111.4000000000001</v>
      </c>
      <c r="BK33">
        <v>1021</v>
      </c>
    </row>
    <row r="34" spans="1:63" x14ac:dyDescent="0.25">
      <c r="A34">
        <v>32</v>
      </c>
      <c r="B34">
        <v>1077.2</v>
      </c>
      <c r="C34">
        <v>216</v>
      </c>
      <c r="E34">
        <v>32</v>
      </c>
      <c r="F34">
        <v>576.79999999999995</v>
      </c>
      <c r="G34">
        <v>256</v>
      </c>
      <c r="I34">
        <v>32</v>
      </c>
      <c r="J34">
        <v>510.3</v>
      </c>
      <c r="K34">
        <v>250</v>
      </c>
      <c r="M34">
        <v>32</v>
      </c>
      <c r="N34">
        <v>652.20000000000005</v>
      </c>
      <c r="O34">
        <v>392</v>
      </c>
      <c r="Q34">
        <v>32</v>
      </c>
      <c r="R34">
        <v>817.4</v>
      </c>
      <c r="S34">
        <v>937</v>
      </c>
      <c r="U34">
        <v>32</v>
      </c>
      <c r="V34">
        <v>670.2</v>
      </c>
      <c r="W34">
        <v>1094</v>
      </c>
      <c r="Y34">
        <v>32</v>
      </c>
      <c r="Z34">
        <v>688.5</v>
      </c>
      <c r="AA34">
        <v>327</v>
      </c>
      <c r="AC34">
        <v>32</v>
      </c>
      <c r="AD34">
        <v>1100.9000000000001</v>
      </c>
      <c r="AE34">
        <v>581</v>
      </c>
      <c r="AG34">
        <v>32</v>
      </c>
      <c r="AH34">
        <v>425.2</v>
      </c>
      <c r="AI34">
        <v>323</v>
      </c>
      <c r="AK34">
        <v>32</v>
      </c>
      <c r="AL34">
        <v>817.3</v>
      </c>
      <c r="AM34">
        <v>1225</v>
      </c>
      <c r="AO34">
        <v>32</v>
      </c>
      <c r="AP34">
        <v>406.8</v>
      </c>
      <c r="AQ34">
        <v>349</v>
      </c>
      <c r="AS34">
        <v>32</v>
      </c>
      <c r="AT34">
        <v>491.1</v>
      </c>
      <c r="AU34">
        <v>418</v>
      </c>
      <c r="AW34">
        <v>32</v>
      </c>
      <c r="AX34">
        <v>684.3</v>
      </c>
      <c r="AY34">
        <v>130</v>
      </c>
      <c r="BA34">
        <v>32</v>
      </c>
      <c r="BB34">
        <v>472.2</v>
      </c>
      <c r="BC34">
        <v>155</v>
      </c>
      <c r="BE34">
        <v>32</v>
      </c>
      <c r="BF34">
        <v>529</v>
      </c>
      <c r="BG34">
        <v>140</v>
      </c>
      <c r="BI34">
        <v>32</v>
      </c>
      <c r="BJ34">
        <v>1111.9000000000001</v>
      </c>
      <c r="BK34">
        <v>241</v>
      </c>
    </row>
    <row r="35" spans="1:63" x14ac:dyDescent="0.25">
      <c r="A35">
        <v>33</v>
      </c>
      <c r="B35">
        <v>1094.5</v>
      </c>
      <c r="C35">
        <v>253</v>
      </c>
      <c r="E35">
        <v>33</v>
      </c>
      <c r="F35">
        <v>577.20000000000005</v>
      </c>
      <c r="G35">
        <v>230</v>
      </c>
      <c r="I35">
        <v>33</v>
      </c>
      <c r="J35">
        <v>512.29999999999995</v>
      </c>
      <c r="K35">
        <v>218</v>
      </c>
      <c r="M35">
        <v>33</v>
      </c>
      <c r="N35">
        <v>657.6</v>
      </c>
      <c r="O35">
        <v>227</v>
      </c>
      <c r="Q35">
        <v>33</v>
      </c>
      <c r="R35">
        <v>818.3</v>
      </c>
      <c r="S35">
        <v>229</v>
      </c>
      <c r="U35">
        <v>33</v>
      </c>
      <c r="V35">
        <v>670.9</v>
      </c>
      <c r="W35">
        <v>487</v>
      </c>
      <c r="Y35">
        <v>33</v>
      </c>
      <c r="Z35">
        <v>709.2</v>
      </c>
      <c r="AA35">
        <v>216</v>
      </c>
      <c r="AC35">
        <v>33</v>
      </c>
      <c r="AD35">
        <v>1101.2</v>
      </c>
      <c r="AE35">
        <v>1466</v>
      </c>
      <c r="AG35">
        <v>33</v>
      </c>
      <c r="AH35">
        <v>426</v>
      </c>
      <c r="AI35">
        <v>142</v>
      </c>
      <c r="AK35">
        <v>33</v>
      </c>
      <c r="AL35">
        <v>818.3</v>
      </c>
      <c r="AM35">
        <v>294</v>
      </c>
      <c r="AO35">
        <v>33</v>
      </c>
      <c r="AP35">
        <v>407.2</v>
      </c>
      <c r="AQ35">
        <v>2217</v>
      </c>
      <c r="AS35">
        <v>33</v>
      </c>
      <c r="AT35">
        <v>508.2</v>
      </c>
      <c r="AU35">
        <v>283</v>
      </c>
      <c r="AW35">
        <v>33</v>
      </c>
      <c r="AX35">
        <v>687.2</v>
      </c>
      <c r="AY35">
        <v>148</v>
      </c>
      <c r="BA35">
        <v>33</v>
      </c>
      <c r="BB35">
        <v>496.3</v>
      </c>
      <c r="BC35">
        <v>325</v>
      </c>
      <c r="BE35">
        <v>33</v>
      </c>
      <c r="BF35">
        <v>538.20000000000005</v>
      </c>
      <c r="BG35">
        <v>114</v>
      </c>
      <c r="BI35">
        <v>33</v>
      </c>
      <c r="BJ35">
        <v>1112.4000000000001</v>
      </c>
      <c r="BK35">
        <v>169</v>
      </c>
    </row>
    <row r="36" spans="1:63" x14ac:dyDescent="0.25">
      <c r="A36">
        <v>34</v>
      </c>
      <c r="B36">
        <v>1154.5999999999999</v>
      </c>
      <c r="C36">
        <v>132</v>
      </c>
      <c r="E36">
        <v>34</v>
      </c>
      <c r="F36">
        <v>589.6</v>
      </c>
      <c r="G36">
        <v>144</v>
      </c>
      <c r="I36">
        <v>34</v>
      </c>
      <c r="J36">
        <v>521.1</v>
      </c>
      <c r="K36">
        <v>159</v>
      </c>
      <c r="M36">
        <v>34</v>
      </c>
      <c r="N36">
        <v>657.8</v>
      </c>
      <c r="O36">
        <v>185</v>
      </c>
      <c r="Q36">
        <v>34</v>
      </c>
      <c r="R36">
        <v>819.1</v>
      </c>
      <c r="S36">
        <v>204</v>
      </c>
      <c r="U36">
        <v>34</v>
      </c>
      <c r="V36">
        <v>671.3</v>
      </c>
      <c r="W36">
        <v>119</v>
      </c>
      <c r="Y36">
        <v>34</v>
      </c>
      <c r="Z36">
        <v>709.7</v>
      </c>
      <c r="AA36">
        <v>254</v>
      </c>
      <c r="AC36">
        <v>34</v>
      </c>
      <c r="AD36">
        <v>1102</v>
      </c>
      <c r="AE36">
        <v>2437</v>
      </c>
      <c r="AG36">
        <v>34</v>
      </c>
      <c r="AH36">
        <v>436.1</v>
      </c>
      <c r="AI36">
        <v>437</v>
      </c>
      <c r="AK36">
        <v>34</v>
      </c>
      <c r="AL36">
        <v>819.4</v>
      </c>
      <c r="AM36">
        <v>356</v>
      </c>
      <c r="AO36">
        <v>34</v>
      </c>
      <c r="AP36">
        <v>407.4</v>
      </c>
      <c r="AQ36">
        <v>1463</v>
      </c>
      <c r="AS36">
        <v>34</v>
      </c>
      <c r="AT36">
        <v>509.1</v>
      </c>
      <c r="AU36">
        <v>760</v>
      </c>
      <c r="AW36">
        <v>34</v>
      </c>
      <c r="AX36">
        <v>692.9</v>
      </c>
      <c r="AY36">
        <v>252</v>
      </c>
      <c r="BA36">
        <v>34</v>
      </c>
      <c r="BB36">
        <v>506</v>
      </c>
      <c r="BC36">
        <v>120</v>
      </c>
      <c r="BE36">
        <v>34</v>
      </c>
      <c r="BF36">
        <v>553.1</v>
      </c>
      <c r="BG36">
        <v>207</v>
      </c>
      <c r="BI36">
        <v>34</v>
      </c>
      <c r="BJ36">
        <v>1113.4000000000001</v>
      </c>
      <c r="BK36">
        <v>743</v>
      </c>
    </row>
    <row r="37" spans="1:63" x14ac:dyDescent="0.25">
      <c r="A37">
        <v>35</v>
      </c>
      <c r="B37">
        <v>1295.3</v>
      </c>
      <c r="C37">
        <v>189</v>
      </c>
      <c r="E37">
        <v>35</v>
      </c>
      <c r="F37">
        <v>590</v>
      </c>
      <c r="G37">
        <v>105</v>
      </c>
      <c r="I37">
        <v>35</v>
      </c>
      <c r="J37">
        <v>526.20000000000005</v>
      </c>
      <c r="K37">
        <v>120</v>
      </c>
      <c r="M37">
        <v>35</v>
      </c>
      <c r="N37">
        <v>661.9</v>
      </c>
      <c r="O37">
        <v>263</v>
      </c>
      <c r="Q37">
        <v>35</v>
      </c>
      <c r="R37">
        <v>833.8</v>
      </c>
      <c r="S37">
        <v>513</v>
      </c>
      <c r="U37">
        <v>35</v>
      </c>
      <c r="V37">
        <v>672.2</v>
      </c>
      <c r="W37">
        <v>309</v>
      </c>
      <c r="Y37">
        <v>35</v>
      </c>
      <c r="Z37">
        <v>718.2</v>
      </c>
      <c r="AA37">
        <v>179</v>
      </c>
      <c r="AC37">
        <v>35</v>
      </c>
      <c r="AD37">
        <v>1102.5</v>
      </c>
      <c r="AE37">
        <v>367</v>
      </c>
      <c r="AG37">
        <v>35</v>
      </c>
      <c r="AH37">
        <v>445.7</v>
      </c>
      <c r="AI37">
        <v>789</v>
      </c>
      <c r="AK37">
        <v>35</v>
      </c>
      <c r="AL37">
        <v>824.9</v>
      </c>
      <c r="AM37">
        <v>112</v>
      </c>
      <c r="AO37">
        <v>35</v>
      </c>
      <c r="AP37">
        <v>424.2</v>
      </c>
      <c r="AQ37">
        <v>4824</v>
      </c>
      <c r="AS37">
        <v>35</v>
      </c>
      <c r="AT37">
        <v>521.1</v>
      </c>
      <c r="AU37">
        <v>336</v>
      </c>
      <c r="AW37">
        <v>35</v>
      </c>
      <c r="AX37">
        <v>701.8</v>
      </c>
      <c r="AY37">
        <v>3657</v>
      </c>
      <c r="BA37">
        <v>35</v>
      </c>
      <c r="BB37">
        <v>526.20000000000005</v>
      </c>
      <c r="BC37">
        <v>849</v>
      </c>
      <c r="BE37">
        <v>35</v>
      </c>
      <c r="BF37">
        <v>553.29999999999995</v>
      </c>
      <c r="BG37">
        <v>172</v>
      </c>
      <c r="BI37">
        <v>35</v>
      </c>
      <c r="BJ37">
        <v>1117.9000000000001</v>
      </c>
      <c r="BK37">
        <v>459</v>
      </c>
    </row>
    <row r="38" spans="1:63" x14ac:dyDescent="0.25">
      <c r="A38">
        <v>36</v>
      </c>
      <c r="B38">
        <v>1297.3</v>
      </c>
      <c r="C38">
        <v>183</v>
      </c>
      <c r="E38">
        <v>36</v>
      </c>
      <c r="F38">
        <v>607.70000000000005</v>
      </c>
      <c r="G38">
        <v>282</v>
      </c>
      <c r="I38">
        <v>36</v>
      </c>
      <c r="J38">
        <v>527.1</v>
      </c>
      <c r="K38">
        <v>182</v>
      </c>
      <c r="M38">
        <v>36</v>
      </c>
      <c r="N38">
        <v>669.2</v>
      </c>
      <c r="O38">
        <v>204</v>
      </c>
      <c r="Q38">
        <v>36</v>
      </c>
      <c r="R38">
        <v>835.1</v>
      </c>
      <c r="S38">
        <v>299</v>
      </c>
      <c r="U38">
        <v>36</v>
      </c>
      <c r="V38">
        <v>673.4</v>
      </c>
      <c r="W38">
        <v>132</v>
      </c>
      <c r="Y38">
        <v>36</v>
      </c>
      <c r="Z38">
        <v>721.7</v>
      </c>
      <c r="AA38">
        <v>297</v>
      </c>
      <c r="AC38">
        <v>36</v>
      </c>
      <c r="AD38">
        <v>1102.9000000000001</v>
      </c>
      <c r="AE38">
        <v>582</v>
      </c>
      <c r="AG38">
        <v>36</v>
      </c>
      <c r="AH38">
        <v>446.7</v>
      </c>
      <c r="AI38">
        <v>299</v>
      </c>
      <c r="AK38">
        <v>36</v>
      </c>
      <c r="AL38">
        <v>833.9</v>
      </c>
      <c r="AM38">
        <v>1034</v>
      </c>
      <c r="AO38">
        <v>36</v>
      </c>
      <c r="AP38">
        <v>425.2</v>
      </c>
      <c r="AQ38">
        <v>529</v>
      </c>
      <c r="AS38">
        <v>36</v>
      </c>
      <c r="AT38">
        <v>526.29999999999995</v>
      </c>
      <c r="AU38">
        <v>2830</v>
      </c>
      <c r="AW38">
        <v>36</v>
      </c>
      <c r="AX38">
        <v>702.2</v>
      </c>
      <c r="AY38">
        <v>2524</v>
      </c>
      <c r="BA38">
        <v>36</v>
      </c>
      <c r="BB38">
        <v>527.29999999999995</v>
      </c>
      <c r="BC38">
        <v>962</v>
      </c>
      <c r="BE38">
        <v>36</v>
      </c>
      <c r="BF38">
        <v>568.5</v>
      </c>
      <c r="BG38">
        <v>806</v>
      </c>
      <c r="BI38">
        <v>36</v>
      </c>
      <c r="BJ38">
        <v>1118.4000000000001</v>
      </c>
      <c r="BK38">
        <v>163</v>
      </c>
    </row>
    <row r="39" spans="1:63" x14ac:dyDescent="0.25">
      <c r="A39">
        <v>37</v>
      </c>
      <c r="B39">
        <v>1298.5</v>
      </c>
      <c r="C39">
        <v>143</v>
      </c>
      <c r="E39">
        <v>37</v>
      </c>
      <c r="F39">
        <v>608.79999999999995</v>
      </c>
      <c r="G39">
        <v>572</v>
      </c>
      <c r="I39">
        <v>37</v>
      </c>
      <c r="J39">
        <v>529.1</v>
      </c>
      <c r="K39">
        <v>191</v>
      </c>
      <c r="M39">
        <v>37</v>
      </c>
      <c r="N39">
        <v>670.2</v>
      </c>
      <c r="O39">
        <v>697</v>
      </c>
      <c r="Q39">
        <v>37</v>
      </c>
      <c r="R39">
        <v>835.4</v>
      </c>
      <c r="S39">
        <v>941</v>
      </c>
      <c r="U39">
        <v>37</v>
      </c>
      <c r="V39">
        <v>674.2</v>
      </c>
      <c r="W39">
        <v>197</v>
      </c>
      <c r="Y39">
        <v>37</v>
      </c>
      <c r="Z39">
        <v>729.1</v>
      </c>
      <c r="AA39">
        <v>431</v>
      </c>
      <c r="AC39">
        <v>37</v>
      </c>
      <c r="AD39">
        <v>1103.4000000000001</v>
      </c>
      <c r="AE39">
        <v>885</v>
      </c>
      <c r="AG39">
        <v>37</v>
      </c>
      <c r="AH39">
        <v>454.1</v>
      </c>
      <c r="AI39">
        <v>1277</v>
      </c>
      <c r="AK39">
        <v>37</v>
      </c>
      <c r="AL39">
        <v>834.7</v>
      </c>
      <c r="AM39">
        <v>168</v>
      </c>
      <c r="AO39">
        <v>37</v>
      </c>
      <c r="AP39">
        <v>426.1</v>
      </c>
      <c r="AQ39">
        <v>1658</v>
      </c>
      <c r="AS39">
        <v>37</v>
      </c>
      <c r="AT39">
        <v>526.79999999999995</v>
      </c>
      <c r="AU39">
        <v>120</v>
      </c>
      <c r="AW39">
        <v>37</v>
      </c>
      <c r="AX39">
        <v>702.8</v>
      </c>
      <c r="AY39">
        <v>917</v>
      </c>
      <c r="BA39">
        <v>37</v>
      </c>
      <c r="BB39">
        <v>529.29999999999995</v>
      </c>
      <c r="BC39">
        <v>180</v>
      </c>
      <c r="BE39">
        <v>37</v>
      </c>
      <c r="BF39">
        <v>571</v>
      </c>
      <c r="BG39">
        <v>123</v>
      </c>
      <c r="BI39">
        <v>37</v>
      </c>
      <c r="BJ39">
        <v>1119.2</v>
      </c>
      <c r="BK39">
        <v>128</v>
      </c>
    </row>
    <row r="40" spans="1:63" x14ac:dyDescent="0.25">
      <c r="A40">
        <v>38</v>
      </c>
      <c r="B40">
        <v>1318.7</v>
      </c>
      <c r="C40">
        <v>155</v>
      </c>
      <c r="E40">
        <v>38</v>
      </c>
      <c r="F40">
        <v>609.29999999999995</v>
      </c>
      <c r="G40">
        <v>130</v>
      </c>
      <c r="I40">
        <v>38</v>
      </c>
      <c r="J40">
        <v>532.4</v>
      </c>
      <c r="K40">
        <v>329</v>
      </c>
      <c r="M40">
        <v>38</v>
      </c>
      <c r="N40">
        <v>671.2</v>
      </c>
      <c r="O40">
        <v>638</v>
      </c>
      <c r="Q40">
        <v>38</v>
      </c>
      <c r="R40">
        <v>836.3</v>
      </c>
      <c r="S40">
        <v>877</v>
      </c>
      <c r="U40">
        <v>38</v>
      </c>
      <c r="V40">
        <v>692.3</v>
      </c>
      <c r="W40">
        <v>196</v>
      </c>
      <c r="Y40">
        <v>38</v>
      </c>
      <c r="Z40">
        <v>730.2</v>
      </c>
      <c r="AA40">
        <v>1115</v>
      </c>
      <c r="AC40">
        <v>38</v>
      </c>
      <c r="AD40">
        <v>1140.3</v>
      </c>
      <c r="AE40">
        <v>119</v>
      </c>
      <c r="AG40">
        <v>38</v>
      </c>
      <c r="AH40">
        <v>455</v>
      </c>
      <c r="AI40">
        <v>1126</v>
      </c>
      <c r="AK40">
        <v>38</v>
      </c>
      <c r="AL40">
        <v>835.3</v>
      </c>
      <c r="AM40">
        <v>2241</v>
      </c>
      <c r="AO40">
        <v>38</v>
      </c>
      <c r="AP40">
        <v>455.5</v>
      </c>
      <c r="AQ40">
        <v>1137</v>
      </c>
      <c r="AS40">
        <v>38</v>
      </c>
      <c r="AT40">
        <v>528.29999999999995</v>
      </c>
      <c r="AU40">
        <v>345</v>
      </c>
      <c r="AW40">
        <v>38</v>
      </c>
      <c r="AX40">
        <v>703.2</v>
      </c>
      <c r="AY40">
        <v>181</v>
      </c>
      <c r="BA40">
        <v>38</v>
      </c>
      <c r="BB40">
        <v>540.1</v>
      </c>
      <c r="BC40">
        <v>385</v>
      </c>
      <c r="BE40">
        <v>38</v>
      </c>
      <c r="BF40">
        <v>586.20000000000005</v>
      </c>
      <c r="BG40">
        <v>519</v>
      </c>
      <c r="BI40">
        <v>38</v>
      </c>
      <c r="BJ40">
        <v>1133.5999999999999</v>
      </c>
      <c r="BK40">
        <v>501</v>
      </c>
    </row>
    <row r="41" spans="1:63" x14ac:dyDescent="0.25">
      <c r="E41">
        <v>39</v>
      </c>
      <c r="F41">
        <v>610.1</v>
      </c>
      <c r="G41">
        <v>242</v>
      </c>
      <c r="I41">
        <v>39</v>
      </c>
      <c r="J41">
        <v>534.4</v>
      </c>
      <c r="K41">
        <v>158</v>
      </c>
      <c r="M41">
        <v>39</v>
      </c>
      <c r="N41">
        <v>671.6</v>
      </c>
      <c r="O41">
        <v>130</v>
      </c>
      <c r="Q41">
        <v>39</v>
      </c>
      <c r="R41">
        <v>837.8</v>
      </c>
      <c r="S41">
        <v>477</v>
      </c>
      <c r="U41">
        <v>39</v>
      </c>
      <c r="V41">
        <v>701.8</v>
      </c>
      <c r="W41">
        <v>220</v>
      </c>
      <c r="Y41">
        <v>39</v>
      </c>
      <c r="Z41">
        <v>730.5</v>
      </c>
      <c r="AA41">
        <v>250</v>
      </c>
      <c r="AC41">
        <v>39</v>
      </c>
      <c r="AD41">
        <v>1141.5999999999999</v>
      </c>
      <c r="AE41">
        <v>689</v>
      </c>
      <c r="AG41">
        <v>39</v>
      </c>
      <c r="AH41">
        <v>466.5</v>
      </c>
      <c r="AI41">
        <v>1137</v>
      </c>
      <c r="AK41">
        <v>39</v>
      </c>
      <c r="AL41">
        <v>836.3</v>
      </c>
      <c r="AM41">
        <v>1224</v>
      </c>
      <c r="AO41">
        <v>39</v>
      </c>
      <c r="AP41">
        <v>465.7</v>
      </c>
      <c r="AQ41">
        <v>373</v>
      </c>
      <c r="AS41">
        <v>39</v>
      </c>
      <c r="AT41">
        <v>544.29999999999995</v>
      </c>
      <c r="AU41">
        <v>246</v>
      </c>
      <c r="AW41">
        <v>39</v>
      </c>
      <c r="AX41">
        <v>709.2</v>
      </c>
      <c r="AY41">
        <v>126</v>
      </c>
      <c r="BA41">
        <v>39</v>
      </c>
      <c r="BB41">
        <v>544.20000000000005</v>
      </c>
      <c r="BC41">
        <v>2139</v>
      </c>
      <c r="BE41">
        <v>39</v>
      </c>
      <c r="BF41">
        <v>586.5</v>
      </c>
      <c r="BG41">
        <v>217</v>
      </c>
      <c r="BI41">
        <v>39</v>
      </c>
      <c r="BJ41">
        <v>1137.4000000000001</v>
      </c>
      <c r="BK41">
        <v>234</v>
      </c>
    </row>
    <row r="42" spans="1:63" x14ac:dyDescent="0.25">
      <c r="E42">
        <v>40</v>
      </c>
      <c r="F42">
        <v>619.29999999999995</v>
      </c>
      <c r="G42">
        <v>162</v>
      </c>
      <c r="I42">
        <v>40</v>
      </c>
      <c r="J42">
        <v>547.79999999999995</v>
      </c>
      <c r="K42">
        <v>343</v>
      </c>
      <c r="M42">
        <v>40</v>
      </c>
      <c r="N42">
        <v>672.2</v>
      </c>
      <c r="O42">
        <v>179</v>
      </c>
      <c r="Q42">
        <v>40</v>
      </c>
      <c r="R42">
        <v>842.8</v>
      </c>
      <c r="S42">
        <v>210</v>
      </c>
      <c r="U42">
        <v>40</v>
      </c>
      <c r="V42">
        <v>702.8</v>
      </c>
      <c r="W42">
        <v>150</v>
      </c>
      <c r="Y42">
        <v>40</v>
      </c>
      <c r="Z42">
        <v>731.3</v>
      </c>
      <c r="AA42">
        <v>497</v>
      </c>
      <c r="AC42">
        <v>40</v>
      </c>
      <c r="AD42">
        <v>1142.5999999999999</v>
      </c>
      <c r="AE42">
        <v>570</v>
      </c>
      <c r="AG42">
        <v>40</v>
      </c>
      <c r="AH42">
        <v>466.7</v>
      </c>
      <c r="AI42">
        <v>5304</v>
      </c>
      <c r="AK42">
        <v>40</v>
      </c>
      <c r="AL42">
        <v>845.8</v>
      </c>
      <c r="AM42">
        <v>493</v>
      </c>
      <c r="AO42">
        <v>40</v>
      </c>
      <c r="AP42">
        <v>466</v>
      </c>
      <c r="AQ42">
        <v>1855</v>
      </c>
      <c r="AS42">
        <v>40</v>
      </c>
      <c r="AT42">
        <v>547.79999999999995</v>
      </c>
      <c r="AU42">
        <v>288</v>
      </c>
      <c r="AW42">
        <v>40</v>
      </c>
      <c r="AX42">
        <v>713.3</v>
      </c>
      <c r="AY42">
        <v>124</v>
      </c>
      <c r="BA42">
        <v>40</v>
      </c>
      <c r="BB42">
        <v>545.29999999999995</v>
      </c>
      <c r="BC42">
        <v>155</v>
      </c>
      <c r="BE42">
        <v>40</v>
      </c>
      <c r="BF42">
        <v>587.4</v>
      </c>
      <c r="BG42">
        <v>269</v>
      </c>
      <c r="BI42">
        <v>40</v>
      </c>
      <c r="BJ42">
        <v>1145.8</v>
      </c>
      <c r="BK42">
        <v>127</v>
      </c>
    </row>
    <row r="43" spans="1:63" x14ac:dyDescent="0.25">
      <c r="E43">
        <v>41</v>
      </c>
      <c r="F43">
        <v>620.29999999999995</v>
      </c>
      <c r="G43">
        <v>365</v>
      </c>
      <c r="I43">
        <v>41</v>
      </c>
      <c r="J43">
        <v>548.29999999999995</v>
      </c>
      <c r="K43">
        <v>437</v>
      </c>
      <c r="M43">
        <v>41</v>
      </c>
      <c r="N43">
        <v>676.2</v>
      </c>
      <c r="O43">
        <v>158</v>
      </c>
      <c r="Q43">
        <v>41</v>
      </c>
      <c r="R43">
        <v>843.1</v>
      </c>
      <c r="S43">
        <v>244</v>
      </c>
      <c r="U43">
        <v>41</v>
      </c>
      <c r="V43">
        <v>703.3</v>
      </c>
      <c r="W43">
        <v>128</v>
      </c>
      <c r="Y43">
        <v>41</v>
      </c>
      <c r="Z43">
        <v>731.8</v>
      </c>
      <c r="AA43">
        <v>297</v>
      </c>
      <c r="AC43">
        <v>41</v>
      </c>
      <c r="AD43">
        <v>1155.4000000000001</v>
      </c>
      <c r="AE43">
        <v>168</v>
      </c>
      <c r="AG43">
        <v>41</v>
      </c>
      <c r="AH43">
        <v>467.2</v>
      </c>
      <c r="AI43">
        <v>687</v>
      </c>
      <c r="AK43">
        <v>41</v>
      </c>
      <c r="AL43">
        <v>846.8</v>
      </c>
      <c r="AM43">
        <v>412</v>
      </c>
      <c r="AO43">
        <v>41</v>
      </c>
      <c r="AP43">
        <v>466.5</v>
      </c>
      <c r="AQ43">
        <v>478</v>
      </c>
      <c r="AS43">
        <v>41</v>
      </c>
      <c r="AT43">
        <v>548.79999999999995</v>
      </c>
      <c r="AU43">
        <v>646</v>
      </c>
      <c r="AW43">
        <v>41</v>
      </c>
      <c r="AX43">
        <v>722.8</v>
      </c>
      <c r="AY43">
        <v>115</v>
      </c>
      <c r="BA43">
        <v>41</v>
      </c>
      <c r="BB43">
        <v>547.70000000000005</v>
      </c>
      <c r="BC43">
        <v>864</v>
      </c>
      <c r="BE43">
        <v>41</v>
      </c>
      <c r="BF43">
        <v>591.70000000000005</v>
      </c>
      <c r="BG43">
        <v>522</v>
      </c>
      <c r="BI43">
        <v>41</v>
      </c>
      <c r="BJ43">
        <v>1153.5</v>
      </c>
      <c r="BK43">
        <v>300</v>
      </c>
    </row>
    <row r="44" spans="1:63" x14ac:dyDescent="0.25">
      <c r="E44">
        <v>42</v>
      </c>
      <c r="F44">
        <v>628.29999999999995</v>
      </c>
      <c r="G44">
        <v>188</v>
      </c>
      <c r="I44">
        <v>42</v>
      </c>
      <c r="J44">
        <v>553.20000000000005</v>
      </c>
      <c r="K44">
        <v>180</v>
      </c>
      <c r="M44">
        <v>42</v>
      </c>
      <c r="N44">
        <v>679.3</v>
      </c>
      <c r="O44">
        <v>123</v>
      </c>
      <c r="Q44">
        <v>42</v>
      </c>
      <c r="R44">
        <v>846.7</v>
      </c>
      <c r="S44">
        <v>313</v>
      </c>
      <c r="U44">
        <v>42</v>
      </c>
      <c r="V44">
        <v>704.7</v>
      </c>
      <c r="W44">
        <v>115</v>
      </c>
      <c r="Y44">
        <v>42</v>
      </c>
      <c r="Z44">
        <v>732.3</v>
      </c>
      <c r="AA44">
        <v>424</v>
      </c>
      <c r="AC44">
        <v>42</v>
      </c>
      <c r="AD44">
        <v>1166.9000000000001</v>
      </c>
      <c r="AE44">
        <v>359</v>
      </c>
      <c r="AG44">
        <v>42</v>
      </c>
      <c r="AH44">
        <v>475</v>
      </c>
      <c r="AI44">
        <v>412</v>
      </c>
      <c r="AK44">
        <v>42</v>
      </c>
      <c r="AL44">
        <v>854.3</v>
      </c>
      <c r="AM44">
        <v>429</v>
      </c>
      <c r="AO44">
        <v>42</v>
      </c>
      <c r="AP44">
        <v>466.8</v>
      </c>
      <c r="AQ44">
        <v>1036</v>
      </c>
      <c r="AS44">
        <v>42</v>
      </c>
      <c r="AT44">
        <v>549.29999999999995</v>
      </c>
      <c r="AU44">
        <v>475</v>
      </c>
      <c r="AW44">
        <v>42</v>
      </c>
      <c r="AX44">
        <v>723.2</v>
      </c>
      <c r="AY44">
        <v>275</v>
      </c>
      <c r="BA44">
        <v>42</v>
      </c>
      <c r="BB44">
        <v>548.20000000000005</v>
      </c>
      <c r="BC44">
        <v>1387</v>
      </c>
      <c r="BE44">
        <v>42</v>
      </c>
      <c r="BF44">
        <v>595.20000000000005</v>
      </c>
      <c r="BG44">
        <v>162</v>
      </c>
      <c r="BI44">
        <v>42</v>
      </c>
      <c r="BJ44">
        <v>1154.4000000000001</v>
      </c>
      <c r="BK44">
        <v>618</v>
      </c>
    </row>
    <row r="45" spans="1:63" x14ac:dyDescent="0.25">
      <c r="E45">
        <v>43</v>
      </c>
      <c r="F45">
        <v>629.79999999999995</v>
      </c>
      <c r="G45">
        <v>617</v>
      </c>
      <c r="I45">
        <v>43</v>
      </c>
      <c r="J45">
        <v>554</v>
      </c>
      <c r="K45">
        <v>208</v>
      </c>
      <c r="M45">
        <v>43</v>
      </c>
      <c r="N45">
        <v>688.2</v>
      </c>
      <c r="O45">
        <v>130</v>
      </c>
      <c r="Q45">
        <v>43</v>
      </c>
      <c r="R45">
        <v>846.8</v>
      </c>
      <c r="S45">
        <v>530</v>
      </c>
      <c r="U45">
        <v>43</v>
      </c>
      <c r="V45">
        <v>715.4</v>
      </c>
      <c r="W45">
        <v>153</v>
      </c>
      <c r="Y45">
        <v>43</v>
      </c>
      <c r="Z45">
        <v>733.7</v>
      </c>
      <c r="AA45">
        <v>119</v>
      </c>
      <c r="AC45">
        <v>43</v>
      </c>
      <c r="AD45">
        <v>1174.8</v>
      </c>
      <c r="AE45">
        <v>254</v>
      </c>
      <c r="AG45">
        <v>43</v>
      </c>
      <c r="AH45">
        <v>475.2</v>
      </c>
      <c r="AI45">
        <v>786</v>
      </c>
      <c r="AK45">
        <v>43</v>
      </c>
      <c r="AL45">
        <v>855.5</v>
      </c>
      <c r="AM45">
        <v>383</v>
      </c>
      <c r="AO45">
        <v>43</v>
      </c>
      <c r="AP45">
        <v>468.4</v>
      </c>
      <c r="AQ45">
        <v>1876</v>
      </c>
      <c r="AS45">
        <v>43</v>
      </c>
      <c r="AT45">
        <v>549.70000000000005</v>
      </c>
      <c r="AU45">
        <v>1868</v>
      </c>
      <c r="AW45">
        <v>43</v>
      </c>
      <c r="AX45">
        <v>723.6</v>
      </c>
      <c r="AY45">
        <v>638</v>
      </c>
      <c r="BA45">
        <v>43</v>
      </c>
      <c r="BB45">
        <v>550.20000000000005</v>
      </c>
      <c r="BC45">
        <v>230</v>
      </c>
      <c r="BE45">
        <v>43</v>
      </c>
      <c r="BF45">
        <v>600.29999999999995</v>
      </c>
      <c r="BG45">
        <v>885</v>
      </c>
      <c r="BI45">
        <v>43</v>
      </c>
      <c r="BJ45">
        <v>1154.8</v>
      </c>
      <c r="BK45">
        <v>470</v>
      </c>
    </row>
    <row r="46" spans="1:63" x14ac:dyDescent="0.25">
      <c r="E46">
        <v>44</v>
      </c>
      <c r="F46">
        <v>630.29999999999995</v>
      </c>
      <c r="G46">
        <v>272</v>
      </c>
      <c r="I46">
        <v>44</v>
      </c>
      <c r="J46">
        <v>556.29999999999995</v>
      </c>
      <c r="K46">
        <v>413</v>
      </c>
      <c r="M46">
        <v>44</v>
      </c>
      <c r="N46">
        <v>689.8</v>
      </c>
      <c r="O46">
        <v>208</v>
      </c>
      <c r="Q46">
        <v>44</v>
      </c>
      <c r="R46">
        <v>856.3</v>
      </c>
      <c r="S46">
        <v>238</v>
      </c>
      <c r="U46">
        <v>44</v>
      </c>
      <c r="V46">
        <v>721.5</v>
      </c>
      <c r="W46">
        <v>122</v>
      </c>
      <c r="Y46">
        <v>44</v>
      </c>
      <c r="Z46">
        <v>739.4</v>
      </c>
      <c r="AA46">
        <v>425</v>
      </c>
      <c r="AC46">
        <v>44</v>
      </c>
      <c r="AD46">
        <v>1175.5</v>
      </c>
      <c r="AE46">
        <v>1899</v>
      </c>
      <c r="AG46">
        <v>44</v>
      </c>
      <c r="AH46">
        <v>494</v>
      </c>
      <c r="AI46">
        <v>363</v>
      </c>
      <c r="AK46">
        <v>44</v>
      </c>
      <c r="AL46">
        <v>860.2</v>
      </c>
      <c r="AM46">
        <v>353</v>
      </c>
      <c r="AO46">
        <v>44</v>
      </c>
      <c r="AP46">
        <v>471.9</v>
      </c>
      <c r="AQ46">
        <v>289</v>
      </c>
      <c r="AS46">
        <v>44</v>
      </c>
      <c r="AT46">
        <v>553.1</v>
      </c>
      <c r="AU46">
        <v>849</v>
      </c>
      <c r="AW46">
        <v>44</v>
      </c>
      <c r="AX46">
        <v>728.2</v>
      </c>
      <c r="AY46">
        <v>167</v>
      </c>
      <c r="BA46">
        <v>44</v>
      </c>
      <c r="BB46">
        <v>553.29999999999995</v>
      </c>
      <c r="BC46">
        <v>747</v>
      </c>
      <c r="BE46">
        <v>44</v>
      </c>
      <c r="BF46">
        <v>600.70000000000005</v>
      </c>
      <c r="BG46">
        <v>211</v>
      </c>
      <c r="BI46">
        <v>44</v>
      </c>
      <c r="BJ46">
        <v>1155.4000000000001</v>
      </c>
      <c r="BK46">
        <v>153</v>
      </c>
    </row>
    <row r="47" spans="1:63" x14ac:dyDescent="0.25">
      <c r="E47">
        <v>45</v>
      </c>
      <c r="F47">
        <v>630.5</v>
      </c>
      <c r="G47">
        <v>346</v>
      </c>
      <c r="I47">
        <v>45</v>
      </c>
      <c r="J47">
        <v>556.79999999999995</v>
      </c>
      <c r="K47">
        <v>238</v>
      </c>
      <c r="M47">
        <v>45</v>
      </c>
      <c r="N47">
        <v>700.2</v>
      </c>
      <c r="O47">
        <v>215</v>
      </c>
      <c r="Q47">
        <v>45</v>
      </c>
      <c r="R47">
        <v>856.8</v>
      </c>
      <c r="S47">
        <v>286</v>
      </c>
      <c r="U47">
        <v>45</v>
      </c>
      <c r="V47">
        <v>734.3</v>
      </c>
      <c r="W47">
        <v>186</v>
      </c>
      <c r="Y47">
        <v>45</v>
      </c>
      <c r="Z47">
        <v>739.7</v>
      </c>
      <c r="AA47">
        <v>118</v>
      </c>
      <c r="AC47">
        <v>45</v>
      </c>
      <c r="AD47">
        <v>1176</v>
      </c>
      <c r="AE47">
        <v>265</v>
      </c>
      <c r="AG47">
        <v>45</v>
      </c>
      <c r="AH47">
        <v>500.3</v>
      </c>
      <c r="AI47">
        <v>454</v>
      </c>
      <c r="AK47">
        <v>45</v>
      </c>
      <c r="AL47">
        <v>864.8</v>
      </c>
      <c r="AM47">
        <v>283</v>
      </c>
      <c r="AO47">
        <v>45</v>
      </c>
      <c r="AP47">
        <v>472.2</v>
      </c>
      <c r="AQ47">
        <v>3075</v>
      </c>
      <c r="AS47">
        <v>45</v>
      </c>
      <c r="AT47">
        <v>553.4</v>
      </c>
      <c r="AU47">
        <v>222</v>
      </c>
      <c r="AW47">
        <v>45</v>
      </c>
      <c r="AX47">
        <v>730.7</v>
      </c>
      <c r="AY47">
        <v>121</v>
      </c>
      <c r="BA47">
        <v>45</v>
      </c>
      <c r="BB47">
        <v>554.29999999999995</v>
      </c>
      <c r="BC47">
        <v>494</v>
      </c>
      <c r="BE47">
        <v>45</v>
      </c>
      <c r="BF47">
        <v>613.29999999999995</v>
      </c>
      <c r="BG47">
        <v>129</v>
      </c>
      <c r="BI47">
        <v>45</v>
      </c>
      <c r="BJ47">
        <v>1155.8</v>
      </c>
      <c r="BK47">
        <v>210</v>
      </c>
    </row>
    <row r="48" spans="1:63" x14ac:dyDescent="0.25">
      <c r="E48">
        <v>46</v>
      </c>
      <c r="F48">
        <v>648.70000000000005</v>
      </c>
      <c r="G48">
        <v>153</v>
      </c>
      <c r="I48">
        <v>46</v>
      </c>
      <c r="J48">
        <v>558.20000000000005</v>
      </c>
      <c r="K48">
        <v>133</v>
      </c>
      <c r="M48">
        <v>46</v>
      </c>
      <c r="N48">
        <v>708.7</v>
      </c>
      <c r="O48">
        <v>198</v>
      </c>
      <c r="Q48">
        <v>46</v>
      </c>
      <c r="R48">
        <v>874.8</v>
      </c>
      <c r="S48">
        <v>440</v>
      </c>
      <c r="U48">
        <v>46</v>
      </c>
      <c r="V48">
        <v>764.8</v>
      </c>
      <c r="W48">
        <v>155</v>
      </c>
      <c r="Y48">
        <v>46</v>
      </c>
      <c r="Z48">
        <v>748.4</v>
      </c>
      <c r="AA48">
        <v>377</v>
      </c>
      <c r="AC48">
        <v>46</v>
      </c>
      <c r="AD48">
        <v>1176.5</v>
      </c>
      <c r="AE48">
        <v>1547</v>
      </c>
      <c r="AG48">
        <v>46</v>
      </c>
      <c r="AH48">
        <v>508.3</v>
      </c>
      <c r="AI48">
        <v>996</v>
      </c>
      <c r="AK48">
        <v>46</v>
      </c>
      <c r="AL48">
        <v>870</v>
      </c>
      <c r="AM48">
        <v>123</v>
      </c>
      <c r="AO48">
        <v>46</v>
      </c>
      <c r="AP48">
        <v>482.1</v>
      </c>
      <c r="AQ48">
        <v>514</v>
      </c>
      <c r="AS48">
        <v>46</v>
      </c>
      <c r="AT48">
        <v>555.29999999999995</v>
      </c>
      <c r="AU48">
        <v>296</v>
      </c>
      <c r="AW48">
        <v>46</v>
      </c>
      <c r="AX48">
        <v>733.2</v>
      </c>
      <c r="AY48">
        <v>239</v>
      </c>
      <c r="BA48">
        <v>46</v>
      </c>
      <c r="BB48">
        <v>556.29999999999995</v>
      </c>
      <c r="BC48">
        <v>267</v>
      </c>
      <c r="BE48">
        <v>46</v>
      </c>
      <c r="BF48">
        <v>616</v>
      </c>
      <c r="BG48">
        <v>167</v>
      </c>
      <c r="BI48">
        <v>46</v>
      </c>
      <c r="BJ48">
        <v>1162.5</v>
      </c>
      <c r="BK48">
        <v>180</v>
      </c>
    </row>
    <row r="49" spans="5:63" x14ac:dyDescent="0.25">
      <c r="E49">
        <v>47</v>
      </c>
      <c r="F49">
        <v>649.20000000000005</v>
      </c>
      <c r="G49">
        <v>893</v>
      </c>
      <c r="I49">
        <v>47</v>
      </c>
      <c r="J49">
        <v>571.29999999999995</v>
      </c>
      <c r="K49">
        <v>2286</v>
      </c>
      <c r="M49">
        <v>47</v>
      </c>
      <c r="N49">
        <v>709.2</v>
      </c>
      <c r="O49">
        <v>427</v>
      </c>
      <c r="Q49">
        <v>47</v>
      </c>
      <c r="R49">
        <v>876.3</v>
      </c>
      <c r="S49">
        <v>505</v>
      </c>
      <c r="U49">
        <v>47</v>
      </c>
      <c r="V49">
        <v>771.2</v>
      </c>
      <c r="W49">
        <v>110</v>
      </c>
      <c r="Y49">
        <v>47</v>
      </c>
      <c r="Z49">
        <v>750.6</v>
      </c>
      <c r="AA49">
        <v>197</v>
      </c>
      <c r="AC49">
        <v>47</v>
      </c>
      <c r="AD49">
        <v>1176.8</v>
      </c>
      <c r="AE49">
        <v>282</v>
      </c>
      <c r="AG49">
        <v>47</v>
      </c>
      <c r="AH49">
        <v>508.7</v>
      </c>
      <c r="AI49">
        <v>452</v>
      </c>
      <c r="AK49">
        <v>47</v>
      </c>
      <c r="AL49">
        <v>884.8</v>
      </c>
      <c r="AM49">
        <v>483</v>
      </c>
      <c r="AO49">
        <v>47</v>
      </c>
      <c r="AP49">
        <v>485.3</v>
      </c>
      <c r="AQ49">
        <v>255</v>
      </c>
      <c r="AS49">
        <v>47</v>
      </c>
      <c r="AT49">
        <v>556.20000000000005</v>
      </c>
      <c r="AU49">
        <v>445</v>
      </c>
      <c r="AW49">
        <v>47</v>
      </c>
      <c r="AX49">
        <v>738.4</v>
      </c>
      <c r="AY49">
        <v>177</v>
      </c>
      <c r="BA49">
        <v>47</v>
      </c>
      <c r="BB49">
        <v>556.5</v>
      </c>
      <c r="BC49">
        <v>256</v>
      </c>
      <c r="BE49">
        <v>47</v>
      </c>
      <c r="BF49">
        <v>628.1</v>
      </c>
      <c r="BG49">
        <v>169</v>
      </c>
      <c r="BI49">
        <v>47</v>
      </c>
      <c r="BJ49">
        <v>1163.3</v>
      </c>
      <c r="BK49">
        <v>468</v>
      </c>
    </row>
    <row r="50" spans="5:63" x14ac:dyDescent="0.25">
      <c r="E50">
        <v>48</v>
      </c>
      <c r="F50">
        <v>649.79999999999995</v>
      </c>
      <c r="G50">
        <v>777</v>
      </c>
      <c r="I50">
        <v>48</v>
      </c>
      <c r="J50">
        <v>572.29999999999995</v>
      </c>
      <c r="K50">
        <v>1047</v>
      </c>
      <c r="M50">
        <v>48</v>
      </c>
      <c r="N50">
        <v>713.2</v>
      </c>
      <c r="O50">
        <v>191</v>
      </c>
      <c r="Q50">
        <v>48</v>
      </c>
      <c r="R50">
        <v>876.8</v>
      </c>
      <c r="S50">
        <v>418</v>
      </c>
      <c r="U50">
        <v>48</v>
      </c>
      <c r="V50">
        <v>774.3</v>
      </c>
      <c r="W50">
        <v>193</v>
      </c>
      <c r="Y50">
        <v>48</v>
      </c>
      <c r="Z50">
        <v>760.3</v>
      </c>
      <c r="AA50">
        <v>407</v>
      </c>
      <c r="AC50">
        <v>48</v>
      </c>
      <c r="AD50">
        <v>1177.4000000000001</v>
      </c>
      <c r="AE50">
        <v>443</v>
      </c>
      <c r="AG50">
        <v>48</v>
      </c>
      <c r="AH50">
        <v>510.3</v>
      </c>
      <c r="AI50">
        <v>956</v>
      </c>
      <c r="AK50">
        <v>48</v>
      </c>
      <c r="AL50">
        <v>885.5</v>
      </c>
      <c r="AM50">
        <v>754</v>
      </c>
      <c r="AO50">
        <v>48</v>
      </c>
      <c r="AP50">
        <v>505.2</v>
      </c>
      <c r="AQ50">
        <v>173</v>
      </c>
      <c r="AS50">
        <v>48</v>
      </c>
      <c r="AT50">
        <v>556.70000000000005</v>
      </c>
      <c r="AU50">
        <v>1481</v>
      </c>
      <c r="AW50">
        <v>48</v>
      </c>
      <c r="AX50">
        <v>741.2</v>
      </c>
      <c r="AY50">
        <v>114</v>
      </c>
      <c r="BA50">
        <v>48</v>
      </c>
      <c r="BB50">
        <v>557.1</v>
      </c>
      <c r="BC50">
        <v>1592</v>
      </c>
      <c r="BE50">
        <v>48</v>
      </c>
      <c r="BF50">
        <v>652.29999999999995</v>
      </c>
      <c r="BG50">
        <v>518</v>
      </c>
      <c r="BI50">
        <v>48</v>
      </c>
      <c r="BJ50">
        <v>1164.2</v>
      </c>
      <c r="BK50">
        <v>497</v>
      </c>
    </row>
    <row r="51" spans="5:63" x14ac:dyDescent="0.25">
      <c r="E51">
        <v>49</v>
      </c>
      <c r="F51">
        <v>650.20000000000005</v>
      </c>
      <c r="G51">
        <v>186</v>
      </c>
      <c r="I51">
        <v>49</v>
      </c>
      <c r="J51">
        <v>573.29999999999995</v>
      </c>
      <c r="K51">
        <v>187</v>
      </c>
      <c r="M51">
        <v>49</v>
      </c>
      <c r="N51">
        <v>721.2</v>
      </c>
      <c r="O51">
        <v>212</v>
      </c>
      <c r="Q51">
        <v>49</v>
      </c>
      <c r="R51">
        <v>877.3</v>
      </c>
      <c r="S51">
        <v>406</v>
      </c>
      <c r="U51">
        <v>49</v>
      </c>
      <c r="V51">
        <v>774.7</v>
      </c>
      <c r="W51">
        <v>139</v>
      </c>
      <c r="Y51">
        <v>49</v>
      </c>
      <c r="Z51">
        <v>767.5</v>
      </c>
      <c r="AA51">
        <v>129</v>
      </c>
      <c r="AC51">
        <v>49</v>
      </c>
      <c r="AD51">
        <v>1184.4000000000001</v>
      </c>
      <c r="AE51">
        <v>738</v>
      </c>
      <c r="AG51">
        <v>49</v>
      </c>
      <c r="AH51">
        <v>518.29999999999995</v>
      </c>
      <c r="AI51">
        <v>1325</v>
      </c>
      <c r="AK51">
        <v>49</v>
      </c>
      <c r="AL51">
        <v>886</v>
      </c>
      <c r="AM51">
        <v>174</v>
      </c>
      <c r="AO51">
        <v>49</v>
      </c>
      <c r="AP51">
        <v>505.8</v>
      </c>
      <c r="AQ51">
        <v>1577</v>
      </c>
      <c r="AS51">
        <v>49</v>
      </c>
      <c r="AT51">
        <v>557.20000000000005</v>
      </c>
      <c r="AU51">
        <v>331</v>
      </c>
      <c r="AW51">
        <v>49</v>
      </c>
      <c r="AX51">
        <v>750.3</v>
      </c>
      <c r="AY51">
        <v>176</v>
      </c>
      <c r="BA51">
        <v>49</v>
      </c>
      <c r="BB51">
        <v>571.1</v>
      </c>
      <c r="BC51">
        <v>2069</v>
      </c>
      <c r="BE51">
        <v>49</v>
      </c>
      <c r="BF51">
        <v>655.29999999999995</v>
      </c>
      <c r="BG51">
        <v>4240</v>
      </c>
      <c r="BI51">
        <v>49</v>
      </c>
      <c r="BJ51">
        <v>1164.4000000000001</v>
      </c>
      <c r="BK51">
        <v>220</v>
      </c>
    </row>
    <row r="52" spans="5:63" x14ac:dyDescent="0.25">
      <c r="E52">
        <v>50</v>
      </c>
      <c r="F52">
        <v>653.29999999999995</v>
      </c>
      <c r="G52">
        <v>491</v>
      </c>
      <c r="I52">
        <v>50</v>
      </c>
      <c r="J52">
        <v>577.1</v>
      </c>
      <c r="K52">
        <v>229</v>
      </c>
      <c r="M52">
        <v>50</v>
      </c>
      <c r="N52">
        <v>721.8</v>
      </c>
      <c r="O52">
        <v>151</v>
      </c>
      <c r="Q52">
        <v>50</v>
      </c>
      <c r="R52">
        <v>902.2</v>
      </c>
      <c r="S52">
        <v>305</v>
      </c>
      <c r="U52">
        <v>50</v>
      </c>
      <c r="V52">
        <v>775.3</v>
      </c>
      <c r="W52">
        <v>336</v>
      </c>
      <c r="Y52">
        <v>50</v>
      </c>
      <c r="Z52">
        <v>790.3</v>
      </c>
      <c r="AA52">
        <v>1107</v>
      </c>
      <c r="AC52">
        <v>50</v>
      </c>
      <c r="AD52">
        <v>1184.9000000000001</v>
      </c>
      <c r="AE52">
        <v>2325</v>
      </c>
      <c r="AG52">
        <v>50</v>
      </c>
      <c r="AH52">
        <v>526.29999999999995</v>
      </c>
      <c r="AI52">
        <v>2270</v>
      </c>
      <c r="AK52">
        <v>50</v>
      </c>
      <c r="AL52">
        <v>894.6</v>
      </c>
      <c r="AM52">
        <v>335</v>
      </c>
      <c r="AO52">
        <v>50</v>
      </c>
      <c r="AP52">
        <v>526.1</v>
      </c>
      <c r="AQ52">
        <v>602</v>
      </c>
      <c r="AS52">
        <v>50</v>
      </c>
      <c r="AT52">
        <v>566.1</v>
      </c>
      <c r="AU52">
        <v>116</v>
      </c>
      <c r="AW52">
        <v>50</v>
      </c>
      <c r="AX52">
        <v>752.4</v>
      </c>
      <c r="AY52">
        <v>382</v>
      </c>
      <c r="BA52">
        <v>50</v>
      </c>
      <c r="BB52">
        <v>571.29999999999995</v>
      </c>
      <c r="BC52">
        <v>2126</v>
      </c>
      <c r="BE52">
        <v>50</v>
      </c>
      <c r="BF52">
        <v>656.3</v>
      </c>
      <c r="BG52">
        <v>961</v>
      </c>
      <c r="BI52">
        <v>50</v>
      </c>
      <c r="BJ52">
        <v>1166.2</v>
      </c>
      <c r="BK52">
        <v>719</v>
      </c>
    </row>
    <row r="53" spans="5:63" x14ac:dyDescent="0.25">
      <c r="E53">
        <v>51</v>
      </c>
      <c r="F53">
        <v>677.1</v>
      </c>
      <c r="G53">
        <v>242</v>
      </c>
      <c r="I53">
        <v>51</v>
      </c>
      <c r="J53">
        <v>581.29999999999995</v>
      </c>
      <c r="K53">
        <v>149</v>
      </c>
      <c r="M53">
        <v>51</v>
      </c>
      <c r="N53">
        <v>722.4</v>
      </c>
      <c r="O53">
        <v>279</v>
      </c>
      <c r="Q53">
        <v>51</v>
      </c>
      <c r="R53">
        <v>928.3</v>
      </c>
      <c r="S53">
        <v>378</v>
      </c>
      <c r="U53">
        <v>51</v>
      </c>
      <c r="V53">
        <v>782.7</v>
      </c>
      <c r="W53">
        <v>679</v>
      </c>
      <c r="Y53">
        <v>51</v>
      </c>
      <c r="Z53">
        <v>790.7</v>
      </c>
      <c r="AA53">
        <v>556</v>
      </c>
      <c r="AC53">
        <v>51</v>
      </c>
      <c r="AD53">
        <v>1185.4000000000001</v>
      </c>
      <c r="AE53">
        <v>1234</v>
      </c>
      <c r="AG53">
        <v>51</v>
      </c>
      <c r="AH53">
        <v>526.79999999999995</v>
      </c>
      <c r="AI53">
        <v>1425</v>
      </c>
      <c r="AK53">
        <v>51</v>
      </c>
      <c r="AL53">
        <v>907.4</v>
      </c>
      <c r="AM53">
        <v>561</v>
      </c>
      <c r="AO53">
        <v>51</v>
      </c>
      <c r="AP53">
        <v>526.29999999999995</v>
      </c>
      <c r="AQ53">
        <v>846</v>
      </c>
      <c r="AS53">
        <v>51</v>
      </c>
      <c r="AT53">
        <v>571.20000000000005</v>
      </c>
      <c r="AU53">
        <v>1727</v>
      </c>
      <c r="AW53">
        <v>51</v>
      </c>
      <c r="AX53">
        <v>753.3</v>
      </c>
      <c r="AY53">
        <v>424</v>
      </c>
      <c r="BA53">
        <v>51</v>
      </c>
      <c r="BB53">
        <v>572.29999999999995</v>
      </c>
      <c r="BC53">
        <v>1031</v>
      </c>
      <c r="BE53">
        <v>51</v>
      </c>
      <c r="BF53">
        <v>656.8</v>
      </c>
      <c r="BG53">
        <v>152</v>
      </c>
      <c r="BI53">
        <v>51</v>
      </c>
      <c r="BJ53">
        <v>1173.7</v>
      </c>
      <c r="BK53">
        <v>349</v>
      </c>
    </row>
    <row r="54" spans="5:63" x14ac:dyDescent="0.25">
      <c r="E54">
        <v>52</v>
      </c>
      <c r="F54">
        <v>679.2</v>
      </c>
      <c r="G54">
        <v>197</v>
      </c>
      <c r="I54">
        <v>52</v>
      </c>
      <c r="J54">
        <v>584.79999999999995</v>
      </c>
      <c r="K54">
        <v>213</v>
      </c>
      <c r="M54">
        <v>52</v>
      </c>
      <c r="N54">
        <v>723.2</v>
      </c>
      <c r="O54">
        <v>129</v>
      </c>
      <c r="Q54">
        <v>52</v>
      </c>
      <c r="R54">
        <v>936.7</v>
      </c>
      <c r="S54">
        <v>450</v>
      </c>
      <c r="U54">
        <v>52</v>
      </c>
      <c r="V54">
        <v>783.2</v>
      </c>
      <c r="W54">
        <v>438</v>
      </c>
      <c r="Y54">
        <v>52</v>
      </c>
      <c r="Z54">
        <v>791.3</v>
      </c>
      <c r="AA54">
        <v>748</v>
      </c>
      <c r="AC54">
        <v>52</v>
      </c>
      <c r="AD54">
        <v>1186</v>
      </c>
      <c r="AE54">
        <v>814</v>
      </c>
      <c r="AG54">
        <v>52</v>
      </c>
      <c r="AH54">
        <v>527.20000000000005</v>
      </c>
      <c r="AI54">
        <v>2602</v>
      </c>
      <c r="AK54">
        <v>52</v>
      </c>
      <c r="AL54">
        <v>915.3</v>
      </c>
      <c r="AM54">
        <v>413</v>
      </c>
      <c r="AO54">
        <v>52</v>
      </c>
      <c r="AP54">
        <v>526.6</v>
      </c>
      <c r="AQ54">
        <v>1629</v>
      </c>
      <c r="AS54">
        <v>52</v>
      </c>
      <c r="AT54">
        <v>572.29999999999995</v>
      </c>
      <c r="AU54">
        <v>225</v>
      </c>
      <c r="AW54">
        <v>52</v>
      </c>
      <c r="AX54">
        <v>753.8</v>
      </c>
      <c r="AY54">
        <v>542</v>
      </c>
      <c r="BA54">
        <v>52</v>
      </c>
      <c r="BB54">
        <v>574.70000000000005</v>
      </c>
      <c r="BC54">
        <v>228</v>
      </c>
      <c r="BE54">
        <v>52</v>
      </c>
      <c r="BF54">
        <v>657.4</v>
      </c>
      <c r="BG54">
        <v>850</v>
      </c>
      <c r="BI54">
        <v>52</v>
      </c>
      <c r="BJ54">
        <v>1174.2</v>
      </c>
      <c r="BK54">
        <v>537</v>
      </c>
    </row>
    <row r="55" spans="5:63" x14ac:dyDescent="0.25">
      <c r="E55">
        <v>53</v>
      </c>
      <c r="F55">
        <v>679.5</v>
      </c>
      <c r="G55">
        <v>360</v>
      </c>
      <c r="I55">
        <v>53</v>
      </c>
      <c r="J55">
        <v>586.4</v>
      </c>
      <c r="K55">
        <v>244</v>
      </c>
      <c r="M55">
        <v>53</v>
      </c>
      <c r="N55">
        <v>730</v>
      </c>
      <c r="O55">
        <v>180</v>
      </c>
      <c r="Q55">
        <v>53</v>
      </c>
      <c r="R55">
        <v>937.8</v>
      </c>
      <c r="S55">
        <v>202</v>
      </c>
      <c r="U55">
        <v>53</v>
      </c>
      <c r="V55">
        <v>785.3</v>
      </c>
      <c r="W55">
        <v>183</v>
      </c>
      <c r="Y55">
        <v>53</v>
      </c>
      <c r="Z55">
        <v>793</v>
      </c>
      <c r="AA55">
        <v>186</v>
      </c>
      <c r="AC55">
        <v>53</v>
      </c>
      <c r="AD55">
        <v>1186.8</v>
      </c>
      <c r="AE55">
        <v>479</v>
      </c>
      <c r="AG55">
        <v>53</v>
      </c>
      <c r="AH55">
        <v>527.6</v>
      </c>
      <c r="AI55">
        <v>1685</v>
      </c>
      <c r="AK55">
        <v>53</v>
      </c>
      <c r="AL55">
        <v>933.7</v>
      </c>
      <c r="AM55">
        <v>487</v>
      </c>
      <c r="AO55">
        <v>53</v>
      </c>
      <c r="AP55">
        <v>527.1</v>
      </c>
      <c r="AQ55">
        <v>454</v>
      </c>
      <c r="AS55">
        <v>53</v>
      </c>
      <c r="AT55">
        <v>583.70000000000005</v>
      </c>
      <c r="AU55">
        <v>339</v>
      </c>
      <c r="AW55">
        <v>53</v>
      </c>
      <c r="AX55">
        <v>754.3</v>
      </c>
      <c r="AY55">
        <v>191</v>
      </c>
      <c r="BA55">
        <v>53</v>
      </c>
      <c r="BB55">
        <v>582.4</v>
      </c>
      <c r="BC55">
        <v>270</v>
      </c>
      <c r="BE55">
        <v>53</v>
      </c>
      <c r="BF55">
        <v>658.2</v>
      </c>
      <c r="BG55">
        <v>353</v>
      </c>
      <c r="BI55">
        <v>53</v>
      </c>
      <c r="BJ55">
        <v>1174.4000000000001</v>
      </c>
      <c r="BK55">
        <v>928</v>
      </c>
    </row>
    <row r="56" spans="5:63" x14ac:dyDescent="0.25">
      <c r="E56">
        <v>54</v>
      </c>
      <c r="F56">
        <v>680.1</v>
      </c>
      <c r="G56">
        <v>370</v>
      </c>
      <c r="I56">
        <v>54</v>
      </c>
      <c r="J56">
        <v>587.20000000000005</v>
      </c>
      <c r="K56">
        <v>143</v>
      </c>
      <c r="M56">
        <v>54</v>
      </c>
      <c r="N56">
        <v>730.6</v>
      </c>
      <c r="O56">
        <v>155</v>
      </c>
      <c r="Q56">
        <v>54</v>
      </c>
      <c r="R56">
        <v>938.9</v>
      </c>
      <c r="S56">
        <v>296</v>
      </c>
      <c r="U56">
        <v>54</v>
      </c>
      <c r="V56">
        <v>793.2</v>
      </c>
      <c r="W56">
        <v>187</v>
      </c>
      <c r="Y56">
        <v>54</v>
      </c>
      <c r="Z56">
        <v>799.7</v>
      </c>
      <c r="AA56">
        <v>552</v>
      </c>
      <c r="AC56">
        <v>54</v>
      </c>
      <c r="AD56">
        <v>1212.9000000000001</v>
      </c>
      <c r="AE56">
        <v>1950</v>
      </c>
      <c r="AG56">
        <v>54</v>
      </c>
      <c r="AH56">
        <v>527.79999999999995</v>
      </c>
      <c r="AI56">
        <v>1460</v>
      </c>
      <c r="AK56">
        <v>54</v>
      </c>
      <c r="AL56">
        <v>935.9</v>
      </c>
      <c r="AM56">
        <v>1493</v>
      </c>
      <c r="AO56">
        <v>54</v>
      </c>
      <c r="AP56">
        <v>527.29999999999995</v>
      </c>
      <c r="AQ56">
        <v>654</v>
      </c>
      <c r="AS56">
        <v>54</v>
      </c>
      <c r="AT56">
        <v>586.4</v>
      </c>
      <c r="AU56">
        <v>806</v>
      </c>
      <c r="AW56">
        <v>54</v>
      </c>
      <c r="AX56">
        <v>772.8</v>
      </c>
      <c r="AY56">
        <v>259</v>
      </c>
      <c r="BA56">
        <v>54</v>
      </c>
      <c r="BB56">
        <v>586</v>
      </c>
      <c r="BC56">
        <v>185</v>
      </c>
      <c r="BE56">
        <v>54</v>
      </c>
      <c r="BF56">
        <v>673.2</v>
      </c>
      <c r="BG56">
        <v>612</v>
      </c>
      <c r="BI56">
        <v>54</v>
      </c>
      <c r="BJ56">
        <v>1174.9000000000001</v>
      </c>
      <c r="BK56">
        <v>803</v>
      </c>
    </row>
    <row r="57" spans="5:63" x14ac:dyDescent="0.25">
      <c r="E57">
        <v>55</v>
      </c>
      <c r="F57">
        <v>680.4</v>
      </c>
      <c r="G57">
        <v>122</v>
      </c>
      <c r="I57">
        <v>55</v>
      </c>
      <c r="J57">
        <v>599.29999999999995</v>
      </c>
      <c r="K57">
        <v>251</v>
      </c>
      <c r="M57">
        <v>55</v>
      </c>
      <c r="N57">
        <v>731.2</v>
      </c>
      <c r="O57">
        <v>121</v>
      </c>
      <c r="Q57">
        <v>55</v>
      </c>
      <c r="R57">
        <v>944.3</v>
      </c>
      <c r="S57">
        <v>289</v>
      </c>
      <c r="U57">
        <v>55</v>
      </c>
      <c r="V57">
        <v>795.9</v>
      </c>
      <c r="W57">
        <v>125</v>
      </c>
      <c r="Y57">
        <v>55</v>
      </c>
      <c r="Z57">
        <v>800.9</v>
      </c>
      <c r="AA57">
        <v>226</v>
      </c>
      <c r="AC57">
        <v>55</v>
      </c>
      <c r="AD57">
        <v>1213.3</v>
      </c>
      <c r="AE57">
        <v>680</v>
      </c>
      <c r="AG57">
        <v>55</v>
      </c>
      <c r="AH57">
        <v>528.29999999999995</v>
      </c>
      <c r="AI57">
        <v>388</v>
      </c>
      <c r="AK57">
        <v>55</v>
      </c>
      <c r="AL57">
        <v>936.1</v>
      </c>
      <c r="AM57">
        <v>253</v>
      </c>
      <c r="AO57">
        <v>55</v>
      </c>
      <c r="AP57">
        <v>542.1</v>
      </c>
      <c r="AQ57">
        <v>546</v>
      </c>
      <c r="AS57">
        <v>55</v>
      </c>
      <c r="AT57">
        <v>586.79999999999995</v>
      </c>
      <c r="AU57">
        <v>702</v>
      </c>
      <c r="AW57">
        <v>55</v>
      </c>
      <c r="AX57">
        <v>773.9</v>
      </c>
      <c r="AY57">
        <v>235</v>
      </c>
      <c r="BA57">
        <v>55</v>
      </c>
      <c r="BB57">
        <v>586.29999999999995</v>
      </c>
      <c r="BC57">
        <v>865</v>
      </c>
      <c r="BE57">
        <v>55</v>
      </c>
      <c r="BF57">
        <v>673.9</v>
      </c>
      <c r="BG57">
        <v>119</v>
      </c>
      <c r="BI57">
        <v>55</v>
      </c>
      <c r="BJ57">
        <v>1175.5</v>
      </c>
      <c r="BK57">
        <v>1113</v>
      </c>
    </row>
    <row r="58" spans="5:63" x14ac:dyDescent="0.25">
      <c r="E58">
        <v>56</v>
      </c>
      <c r="F58">
        <v>681</v>
      </c>
      <c r="G58">
        <v>191</v>
      </c>
      <c r="I58">
        <v>56</v>
      </c>
      <c r="J58">
        <v>607.70000000000005</v>
      </c>
      <c r="K58">
        <v>120</v>
      </c>
      <c r="M58">
        <v>56</v>
      </c>
      <c r="N58">
        <v>731.8</v>
      </c>
      <c r="O58">
        <v>136</v>
      </c>
      <c r="Q58">
        <v>56</v>
      </c>
      <c r="R58">
        <v>947.5</v>
      </c>
      <c r="S58">
        <v>159</v>
      </c>
      <c r="U58">
        <v>56</v>
      </c>
      <c r="V58">
        <v>801.9</v>
      </c>
      <c r="W58">
        <v>481</v>
      </c>
      <c r="Y58">
        <v>56</v>
      </c>
      <c r="Z58">
        <v>801.3</v>
      </c>
      <c r="AA58">
        <v>242</v>
      </c>
      <c r="AC58">
        <v>56</v>
      </c>
      <c r="AD58">
        <v>1213.5999999999999</v>
      </c>
      <c r="AE58">
        <v>513</v>
      </c>
      <c r="AG58">
        <v>56</v>
      </c>
      <c r="AH58">
        <v>528.4</v>
      </c>
      <c r="AI58">
        <v>447</v>
      </c>
      <c r="AK58">
        <v>56</v>
      </c>
      <c r="AL58">
        <v>936.6</v>
      </c>
      <c r="AM58">
        <v>509</v>
      </c>
      <c r="AO58">
        <v>56</v>
      </c>
      <c r="AP58">
        <v>544.1</v>
      </c>
      <c r="AQ58">
        <v>1010</v>
      </c>
      <c r="AS58">
        <v>56</v>
      </c>
      <c r="AT58">
        <v>587.20000000000005</v>
      </c>
      <c r="AU58">
        <v>494</v>
      </c>
      <c r="AW58">
        <v>56</v>
      </c>
      <c r="AX58">
        <v>774.2</v>
      </c>
      <c r="AY58">
        <v>384</v>
      </c>
      <c r="BA58">
        <v>56</v>
      </c>
      <c r="BB58">
        <v>599.20000000000005</v>
      </c>
      <c r="BC58">
        <v>291</v>
      </c>
      <c r="BE58">
        <v>56</v>
      </c>
      <c r="BF58">
        <v>674.2</v>
      </c>
      <c r="BG58">
        <v>120</v>
      </c>
      <c r="BI58">
        <v>56</v>
      </c>
      <c r="BJ58">
        <v>1176</v>
      </c>
      <c r="BK58">
        <v>1208</v>
      </c>
    </row>
    <row r="59" spans="5:63" x14ac:dyDescent="0.25">
      <c r="E59">
        <v>57</v>
      </c>
      <c r="F59">
        <v>685</v>
      </c>
      <c r="G59">
        <v>165</v>
      </c>
      <c r="I59">
        <v>57</v>
      </c>
      <c r="J59">
        <v>608.79999999999995</v>
      </c>
      <c r="K59">
        <v>106</v>
      </c>
      <c r="M59">
        <v>57</v>
      </c>
      <c r="N59">
        <v>732.2</v>
      </c>
      <c r="O59">
        <v>986</v>
      </c>
      <c r="Q59">
        <v>57</v>
      </c>
      <c r="R59">
        <v>949.9</v>
      </c>
      <c r="S59">
        <v>519</v>
      </c>
      <c r="U59">
        <v>57</v>
      </c>
      <c r="V59">
        <v>803.4</v>
      </c>
      <c r="W59">
        <v>738</v>
      </c>
      <c r="Y59">
        <v>57</v>
      </c>
      <c r="Z59">
        <v>801.9</v>
      </c>
      <c r="AA59">
        <v>388</v>
      </c>
      <c r="AC59">
        <v>57</v>
      </c>
      <c r="AD59">
        <v>1214.0999999999999</v>
      </c>
      <c r="AE59">
        <v>774</v>
      </c>
      <c r="AG59">
        <v>57</v>
      </c>
      <c r="AH59">
        <v>529.20000000000005</v>
      </c>
      <c r="AI59">
        <v>2017</v>
      </c>
      <c r="AK59">
        <v>57</v>
      </c>
      <c r="AL59">
        <v>944.8</v>
      </c>
      <c r="AM59">
        <v>274</v>
      </c>
      <c r="AO59">
        <v>57</v>
      </c>
      <c r="AP59">
        <v>544.79999999999995</v>
      </c>
      <c r="AQ59">
        <v>156</v>
      </c>
      <c r="AS59">
        <v>57</v>
      </c>
      <c r="AT59">
        <v>595.20000000000005</v>
      </c>
      <c r="AU59">
        <v>605</v>
      </c>
      <c r="AW59">
        <v>57</v>
      </c>
      <c r="AX59">
        <v>774.7</v>
      </c>
      <c r="AY59">
        <v>692</v>
      </c>
      <c r="BA59">
        <v>57</v>
      </c>
      <c r="BB59">
        <v>607.1</v>
      </c>
      <c r="BC59">
        <v>600</v>
      </c>
      <c r="BE59">
        <v>57</v>
      </c>
      <c r="BF59">
        <v>674.6</v>
      </c>
      <c r="BG59">
        <v>143</v>
      </c>
      <c r="BI59">
        <v>57</v>
      </c>
      <c r="BJ59">
        <v>1176.5</v>
      </c>
      <c r="BK59">
        <v>615</v>
      </c>
    </row>
    <row r="60" spans="5:63" x14ac:dyDescent="0.25">
      <c r="E60">
        <v>58</v>
      </c>
      <c r="F60">
        <v>686.2</v>
      </c>
      <c r="G60">
        <v>327</v>
      </c>
      <c r="I60">
        <v>58</v>
      </c>
      <c r="J60">
        <v>611.29999999999995</v>
      </c>
      <c r="K60">
        <v>168</v>
      </c>
      <c r="M60">
        <v>58</v>
      </c>
      <c r="N60">
        <v>736.3</v>
      </c>
      <c r="O60">
        <v>129</v>
      </c>
      <c r="Q60">
        <v>58</v>
      </c>
      <c r="R60">
        <v>956.9</v>
      </c>
      <c r="S60">
        <v>433</v>
      </c>
      <c r="U60">
        <v>58</v>
      </c>
      <c r="V60">
        <v>803.8</v>
      </c>
      <c r="W60">
        <v>134</v>
      </c>
      <c r="Y60">
        <v>58</v>
      </c>
      <c r="Z60">
        <v>804.2</v>
      </c>
      <c r="AA60">
        <v>151</v>
      </c>
      <c r="AC60">
        <v>58</v>
      </c>
      <c r="AD60">
        <v>1219.4000000000001</v>
      </c>
      <c r="AE60">
        <v>408</v>
      </c>
      <c r="AG60">
        <v>58</v>
      </c>
      <c r="AH60">
        <v>547.70000000000005</v>
      </c>
      <c r="AI60">
        <v>6980</v>
      </c>
      <c r="AK60">
        <v>58</v>
      </c>
      <c r="AL60">
        <v>945.3</v>
      </c>
      <c r="AM60">
        <v>156</v>
      </c>
      <c r="AO60">
        <v>58</v>
      </c>
      <c r="AP60">
        <v>545.29999999999995</v>
      </c>
      <c r="AQ60">
        <v>626</v>
      </c>
      <c r="AS60">
        <v>58</v>
      </c>
      <c r="AT60">
        <v>598.6</v>
      </c>
      <c r="AU60">
        <v>101</v>
      </c>
      <c r="AW60">
        <v>58</v>
      </c>
      <c r="AX60">
        <v>775.3</v>
      </c>
      <c r="AY60">
        <v>569</v>
      </c>
      <c r="BA60">
        <v>58</v>
      </c>
      <c r="BB60">
        <v>607.70000000000005</v>
      </c>
      <c r="BC60">
        <v>812</v>
      </c>
      <c r="BE60">
        <v>58</v>
      </c>
      <c r="BF60">
        <v>681.4</v>
      </c>
      <c r="BG60">
        <v>549</v>
      </c>
      <c r="BI60">
        <v>58</v>
      </c>
      <c r="BJ60">
        <v>1176.8</v>
      </c>
      <c r="BK60">
        <v>353</v>
      </c>
    </row>
    <row r="61" spans="5:63" x14ac:dyDescent="0.25">
      <c r="E61">
        <v>59</v>
      </c>
      <c r="F61">
        <v>690.7</v>
      </c>
      <c r="G61">
        <v>148</v>
      </c>
      <c r="I61">
        <v>59</v>
      </c>
      <c r="J61">
        <v>616.29999999999995</v>
      </c>
      <c r="K61">
        <v>106</v>
      </c>
      <c r="M61">
        <v>59</v>
      </c>
      <c r="N61">
        <v>738.7</v>
      </c>
      <c r="O61">
        <v>651</v>
      </c>
      <c r="Q61">
        <v>59</v>
      </c>
      <c r="R61">
        <v>957.7</v>
      </c>
      <c r="S61">
        <v>482</v>
      </c>
      <c r="U61">
        <v>59</v>
      </c>
      <c r="V61">
        <v>804.2</v>
      </c>
      <c r="W61">
        <v>478</v>
      </c>
      <c r="Y61">
        <v>59</v>
      </c>
      <c r="Z61">
        <v>810.7</v>
      </c>
      <c r="AA61">
        <v>153</v>
      </c>
      <c r="AC61">
        <v>59</v>
      </c>
      <c r="AD61">
        <v>1220</v>
      </c>
      <c r="AE61">
        <v>276</v>
      </c>
      <c r="AG61">
        <v>59</v>
      </c>
      <c r="AH61">
        <v>548.29999999999995</v>
      </c>
      <c r="AI61">
        <v>2330</v>
      </c>
      <c r="AK61">
        <v>59</v>
      </c>
      <c r="AL61">
        <v>945.8</v>
      </c>
      <c r="AM61">
        <v>108</v>
      </c>
      <c r="AO61">
        <v>59</v>
      </c>
      <c r="AP61">
        <v>547.70000000000005</v>
      </c>
      <c r="AQ61">
        <v>3366</v>
      </c>
      <c r="AS61">
        <v>59</v>
      </c>
      <c r="AT61">
        <v>599.70000000000005</v>
      </c>
      <c r="AU61">
        <v>517</v>
      </c>
      <c r="AW61">
        <v>59</v>
      </c>
      <c r="AX61">
        <v>795.3</v>
      </c>
      <c r="AY61">
        <v>222</v>
      </c>
      <c r="BA61">
        <v>59</v>
      </c>
      <c r="BB61">
        <v>608.29999999999995</v>
      </c>
      <c r="BC61">
        <v>308</v>
      </c>
      <c r="BE61">
        <v>59</v>
      </c>
      <c r="BF61">
        <v>681.7</v>
      </c>
      <c r="BG61">
        <v>150</v>
      </c>
      <c r="BI61">
        <v>59</v>
      </c>
      <c r="BJ61">
        <v>1177</v>
      </c>
      <c r="BK61">
        <v>148</v>
      </c>
    </row>
    <row r="62" spans="5:63" x14ac:dyDescent="0.25">
      <c r="E62">
        <v>60</v>
      </c>
      <c r="F62">
        <v>699.8</v>
      </c>
      <c r="G62">
        <v>189</v>
      </c>
      <c r="I62">
        <v>60</v>
      </c>
      <c r="J62">
        <v>619.29999999999995</v>
      </c>
      <c r="K62">
        <v>175</v>
      </c>
      <c r="M62">
        <v>60</v>
      </c>
      <c r="N62">
        <v>739.3</v>
      </c>
      <c r="O62">
        <v>344</v>
      </c>
      <c r="Q62">
        <v>60</v>
      </c>
      <c r="R62">
        <v>958.4</v>
      </c>
      <c r="S62">
        <v>687</v>
      </c>
      <c r="U62">
        <v>60</v>
      </c>
      <c r="V62">
        <v>804.9</v>
      </c>
      <c r="W62">
        <v>349</v>
      </c>
      <c r="Y62">
        <v>60</v>
      </c>
      <c r="Z62">
        <v>812.2</v>
      </c>
      <c r="AA62">
        <v>136</v>
      </c>
      <c r="AC62">
        <v>60</v>
      </c>
      <c r="AD62">
        <v>1228.0999999999999</v>
      </c>
      <c r="AE62">
        <v>513</v>
      </c>
      <c r="AG62">
        <v>60</v>
      </c>
      <c r="AH62">
        <v>548.70000000000005</v>
      </c>
      <c r="AI62">
        <v>9152</v>
      </c>
      <c r="AK62">
        <v>60</v>
      </c>
      <c r="AL62">
        <v>947.1</v>
      </c>
      <c r="AM62">
        <v>162</v>
      </c>
      <c r="AO62">
        <v>60</v>
      </c>
      <c r="AP62">
        <v>548.29999999999995</v>
      </c>
      <c r="AQ62">
        <v>2752</v>
      </c>
      <c r="AS62">
        <v>60</v>
      </c>
      <c r="AT62">
        <v>607.29999999999995</v>
      </c>
      <c r="AU62">
        <v>573</v>
      </c>
      <c r="AW62">
        <v>60</v>
      </c>
      <c r="AX62">
        <v>795.8</v>
      </c>
      <c r="AY62">
        <v>550</v>
      </c>
      <c r="BA62">
        <v>60</v>
      </c>
      <c r="BB62">
        <v>608.70000000000005</v>
      </c>
      <c r="BC62">
        <v>791</v>
      </c>
      <c r="BE62">
        <v>60</v>
      </c>
      <c r="BF62">
        <v>688.4</v>
      </c>
      <c r="BG62">
        <v>420</v>
      </c>
      <c r="BI62">
        <v>60</v>
      </c>
      <c r="BJ62">
        <v>1183.3</v>
      </c>
      <c r="BK62">
        <v>407</v>
      </c>
    </row>
    <row r="63" spans="5:63" x14ac:dyDescent="0.25">
      <c r="E63">
        <v>61</v>
      </c>
      <c r="F63">
        <v>702.2</v>
      </c>
      <c r="G63">
        <v>482</v>
      </c>
      <c r="I63">
        <v>61</v>
      </c>
      <c r="J63">
        <v>620.79999999999995</v>
      </c>
      <c r="K63">
        <v>262</v>
      </c>
      <c r="M63">
        <v>61</v>
      </c>
      <c r="N63">
        <v>739.9</v>
      </c>
      <c r="O63">
        <v>137</v>
      </c>
      <c r="Q63">
        <v>61</v>
      </c>
      <c r="R63">
        <v>958.8</v>
      </c>
      <c r="S63">
        <v>370</v>
      </c>
      <c r="U63">
        <v>61</v>
      </c>
      <c r="V63">
        <v>817.4</v>
      </c>
      <c r="W63">
        <v>2660</v>
      </c>
      <c r="Y63">
        <v>61</v>
      </c>
      <c r="Z63">
        <v>814.5</v>
      </c>
      <c r="AA63">
        <v>557</v>
      </c>
      <c r="AC63">
        <v>61</v>
      </c>
      <c r="AD63">
        <v>1232.3</v>
      </c>
      <c r="AE63">
        <v>207</v>
      </c>
      <c r="AG63">
        <v>61</v>
      </c>
      <c r="AH63">
        <v>549.20000000000005</v>
      </c>
      <c r="AI63">
        <v>696</v>
      </c>
      <c r="AK63">
        <v>61</v>
      </c>
      <c r="AL63">
        <v>955.8</v>
      </c>
      <c r="AM63">
        <v>400</v>
      </c>
      <c r="AO63">
        <v>61</v>
      </c>
      <c r="AP63">
        <v>553.20000000000005</v>
      </c>
      <c r="AQ63">
        <v>815</v>
      </c>
      <c r="AS63">
        <v>61</v>
      </c>
      <c r="AT63">
        <v>608.20000000000005</v>
      </c>
      <c r="AU63">
        <v>140</v>
      </c>
      <c r="AW63">
        <v>61</v>
      </c>
      <c r="AX63">
        <v>797.3</v>
      </c>
      <c r="AY63">
        <v>123</v>
      </c>
      <c r="BA63">
        <v>61</v>
      </c>
      <c r="BB63">
        <v>609.20000000000005</v>
      </c>
      <c r="BC63">
        <v>141</v>
      </c>
      <c r="BE63">
        <v>61</v>
      </c>
      <c r="BF63">
        <v>689.1</v>
      </c>
      <c r="BG63">
        <v>104</v>
      </c>
      <c r="BI63">
        <v>61</v>
      </c>
      <c r="BJ63">
        <v>1200.5</v>
      </c>
      <c r="BK63">
        <v>273</v>
      </c>
    </row>
    <row r="64" spans="5:63" x14ac:dyDescent="0.25">
      <c r="E64">
        <v>62</v>
      </c>
      <c r="F64">
        <v>703.3</v>
      </c>
      <c r="G64">
        <v>783</v>
      </c>
      <c r="I64">
        <v>62</v>
      </c>
      <c r="J64">
        <v>624.4</v>
      </c>
      <c r="K64">
        <v>163</v>
      </c>
      <c r="M64">
        <v>62</v>
      </c>
      <c r="N64">
        <v>748.8</v>
      </c>
      <c r="O64">
        <v>370</v>
      </c>
      <c r="Q64">
        <v>62</v>
      </c>
      <c r="R64">
        <v>959.3</v>
      </c>
      <c r="S64">
        <v>253</v>
      </c>
      <c r="U64">
        <v>62</v>
      </c>
      <c r="V64">
        <v>818.1</v>
      </c>
      <c r="W64">
        <v>940</v>
      </c>
      <c r="Y64">
        <v>62</v>
      </c>
      <c r="Z64">
        <v>832.4</v>
      </c>
      <c r="AA64">
        <v>316</v>
      </c>
      <c r="AC64">
        <v>62</v>
      </c>
      <c r="AD64">
        <v>1240.9000000000001</v>
      </c>
      <c r="AE64">
        <v>309</v>
      </c>
      <c r="AG64">
        <v>62</v>
      </c>
      <c r="AH64">
        <v>549.79999999999995</v>
      </c>
      <c r="AI64">
        <v>2755</v>
      </c>
      <c r="AK64">
        <v>62</v>
      </c>
      <c r="AL64">
        <v>957.3</v>
      </c>
      <c r="AM64">
        <v>339</v>
      </c>
      <c r="AO64">
        <v>62</v>
      </c>
      <c r="AP64">
        <v>553.5</v>
      </c>
      <c r="AQ64">
        <v>207</v>
      </c>
      <c r="AS64">
        <v>62</v>
      </c>
      <c r="AT64">
        <v>608.70000000000005</v>
      </c>
      <c r="AU64">
        <v>475</v>
      </c>
      <c r="AW64">
        <v>62</v>
      </c>
      <c r="AX64">
        <v>803.3</v>
      </c>
      <c r="AY64">
        <v>160</v>
      </c>
      <c r="BA64">
        <v>62</v>
      </c>
      <c r="BB64">
        <v>611.29999999999995</v>
      </c>
      <c r="BC64">
        <v>197</v>
      </c>
      <c r="BE64">
        <v>62</v>
      </c>
      <c r="BF64">
        <v>689.3</v>
      </c>
      <c r="BG64">
        <v>265</v>
      </c>
      <c r="BI64">
        <v>62</v>
      </c>
      <c r="BJ64">
        <v>1222.3</v>
      </c>
      <c r="BK64">
        <v>301</v>
      </c>
    </row>
    <row r="65" spans="5:63" x14ac:dyDescent="0.25">
      <c r="E65">
        <v>63</v>
      </c>
      <c r="F65">
        <v>710.3</v>
      </c>
      <c r="G65">
        <v>180</v>
      </c>
      <c r="I65">
        <v>63</v>
      </c>
      <c r="J65">
        <v>628.20000000000005</v>
      </c>
      <c r="K65">
        <v>888</v>
      </c>
      <c r="M65">
        <v>63</v>
      </c>
      <c r="N65">
        <v>769.6</v>
      </c>
      <c r="O65">
        <v>145</v>
      </c>
      <c r="Q65">
        <v>63</v>
      </c>
      <c r="R65">
        <v>961.3</v>
      </c>
      <c r="S65">
        <v>523</v>
      </c>
      <c r="U65">
        <v>63</v>
      </c>
      <c r="V65">
        <v>818.3</v>
      </c>
      <c r="W65">
        <v>463</v>
      </c>
      <c r="Y65">
        <v>63</v>
      </c>
      <c r="Z65">
        <v>952.4</v>
      </c>
      <c r="AA65">
        <v>233</v>
      </c>
      <c r="AC65">
        <v>63</v>
      </c>
      <c r="AD65">
        <v>1245.4000000000001</v>
      </c>
      <c r="AE65">
        <v>287</v>
      </c>
      <c r="AG65">
        <v>63</v>
      </c>
      <c r="AH65">
        <v>550.70000000000005</v>
      </c>
      <c r="AI65">
        <v>370</v>
      </c>
      <c r="AK65">
        <v>63</v>
      </c>
      <c r="AL65">
        <v>967.6</v>
      </c>
      <c r="AM65">
        <v>196</v>
      </c>
      <c r="AO65">
        <v>63</v>
      </c>
      <c r="AP65">
        <v>555.20000000000005</v>
      </c>
      <c r="AQ65">
        <v>915</v>
      </c>
      <c r="AS65">
        <v>63</v>
      </c>
      <c r="AT65">
        <v>609.29999999999995</v>
      </c>
      <c r="AU65">
        <v>300</v>
      </c>
      <c r="AW65">
        <v>63</v>
      </c>
      <c r="AX65">
        <v>810.3</v>
      </c>
      <c r="AY65">
        <v>267</v>
      </c>
      <c r="BA65">
        <v>63</v>
      </c>
      <c r="BB65">
        <v>616.20000000000005</v>
      </c>
      <c r="BC65">
        <v>525</v>
      </c>
      <c r="BE65">
        <v>63</v>
      </c>
      <c r="BF65">
        <v>692.7</v>
      </c>
      <c r="BG65">
        <v>637</v>
      </c>
      <c r="BI65">
        <v>63</v>
      </c>
      <c r="BJ65">
        <v>1320.3</v>
      </c>
      <c r="BK65">
        <v>176</v>
      </c>
    </row>
    <row r="66" spans="5:63" x14ac:dyDescent="0.25">
      <c r="E66">
        <v>64</v>
      </c>
      <c r="F66">
        <v>711.3</v>
      </c>
      <c r="G66">
        <v>118</v>
      </c>
      <c r="I66">
        <v>64</v>
      </c>
      <c r="J66">
        <v>628.70000000000005</v>
      </c>
      <c r="K66">
        <v>180</v>
      </c>
      <c r="M66">
        <v>64</v>
      </c>
      <c r="N66">
        <v>770.3</v>
      </c>
      <c r="O66">
        <v>351</v>
      </c>
      <c r="Q66">
        <v>64</v>
      </c>
      <c r="R66">
        <v>962.3</v>
      </c>
      <c r="S66">
        <v>101</v>
      </c>
      <c r="U66">
        <v>64</v>
      </c>
      <c r="V66">
        <v>819.2</v>
      </c>
      <c r="W66">
        <v>197</v>
      </c>
      <c r="Y66">
        <v>64</v>
      </c>
      <c r="Z66">
        <v>959.5</v>
      </c>
      <c r="AA66">
        <v>361</v>
      </c>
      <c r="AC66">
        <v>64</v>
      </c>
      <c r="AD66">
        <v>1247.9000000000001</v>
      </c>
      <c r="AE66">
        <v>238</v>
      </c>
      <c r="AG66">
        <v>64</v>
      </c>
      <c r="AH66">
        <v>553.1</v>
      </c>
      <c r="AI66">
        <v>175</v>
      </c>
      <c r="AK66">
        <v>64</v>
      </c>
      <c r="AL66">
        <v>1021.4</v>
      </c>
      <c r="AM66">
        <v>171</v>
      </c>
      <c r="AO66">
        <v>64</v>
      </c>
      <c r="AP66">
        <v>556.20000000000005</v>
      </c>
      <c r="AQ66">
        <v>2123</v>
      </c>
      <c r="AS66">
        <v>64</v>
      </c>
      <c r="AT66">
        <v>613</v>
      </c>
      <c r="AU66">
        <v>122</v>
      </c>
      <c r="AW66">
        <v>64</v>
      </c>
      <c r="AX66">
        <v>810.7</v>
      </c>
      <c r="AY66">
        <v>135</v>
      </c>
      <c r="BA66">
        <v>64</v>
      </c>
      <c r="BB66">
        <v>616.4</v>
      </c>
      <c r="BC66">
        <v>654</v>
      </c>
      <c r="BE66">
        <v>64</v>
      </c>
      <c r="BF66">
        <v>697</v>
      </c>
      <c r="BG66">
        <v>346</v>
      </c>
      <c r="BI66">
        <v>64</v>
      </c>
      <c r="BJ66">
        <v>1344.2</v>
      </c>
      <c r="BK66">
        <v>112</v>
      </c>
    </row>
    <row r="67" spans="5:63" x14ac:dyDescent="0.25">
      <c r="E67">
        <v>65</v>
      </c>
      <c r="F67">
        <v>720.8</v>
      </c>
      <c r="G67">
        <v>542</v>
      </c>
      <c r="I67">
        <v>65</v>
      </c>
      <c r="J67">
        <v>629.20000000000005</v>
      </c>
      <c r="K67">
        <v>1980</v>
      </c>
      <c r="M67">
        <v>65</v>
      </c>
      <c r="N67">
        <v>770.8</v>
      </c>
      <c r="O67">
        <v>128</v>
      </c>
      <c r="Q67">
        <v>65</v>
      </c>
      <c r="R67">
        <v>963.5</v>
      </c>
      <c r="S67">
        <v>117</v>
      </c>
      <c r="U67">
        <v>65</v>
      </c>
      <c r="V67">
        <v>819.4</v>
      </c>
      <c r="W67">
        <v>289</v>
      </c>
      <c r="Y67">
        <v>65</v>
      </c>
      <c r="Z67">
        <v>1054.2</v>
      </c>
      <c r="AA67">
        <v>166</v>
      </c>
      <c r="AC67">
        <v>65</v>
      </c>
      <c r="AD67">
        <v>1255.5</v>
      </c>
      <c r="AE67">
        <v>388</v>
      </c>
      <c r="AG67">
        <v>65</v>
      </c>
      <c r="AH67">
        <v>553.29999999999995</v>
      </c>
      <c r="AI67">
        <v>562</v>
      </c>
      <c r="AK67">
        <v>65</v>
      </c>
      <c r="AL67">
        <v>1114.2</v>
      </c>
      <c r="AM67">
        <v>154</v>
      </c>
      <c r="AO67">
        <v>65</v>
      </c>
      <c r="AP67">
        <v>556.70000000000005</v>
      </c>
      <c r="AQ67">
        <v>212</v>
      </c>
      <c r="AS67">
        <v>65</v>
      </c>
      <c r="AT67">
        <v>616.20000000000005</v>
      </c>
      <c r="AU67">
        <v>186</v>
      </c>
      <c r="AW67">
        <v>65</v>
      </c>
      <c r="AX67">
        <v>811.8</v>
      </c>
      <c r="AY67">
        <v>676</v>
      </c>
      <c r="BA67">
        <v>65</v>
      </c>
      <c r="BB67">
        <v>617.20000000000005</v>
      </c>
      <c r="BC67">
        <v>766</v>
      </c>
      <c r="BE67">
        <v>65</v>
      </c>
      <c r="BF67">
        <v>701.6</v>
      </c>
      <c r="BG67">
        <v>312</v>
      </c>
      <c r="BI67">
        <v>65</v>
      </c>
      <c r="BJ67">
        <v>1419.6</v>
      </c>
      <c r="BK67">
        <v>193</v>
      </c>
    </row>
    <row r="68" spans="5:63" x14ac:dyDescent="0.25">
      <c r="E68">
        <v>66</v>
      </c>
      <c r="F68">
        <v>721.3</v>
      </c>
      <c r="G68">
        <v>128</v>
      </c>
      <c r="I68">
        <v>66</v>
      </c>
      <c r="J68">
        <v>629.70000000000005</v>
      </c>
      <c r="K68">
        <v>391</v>
      </c>
      <c r="M68">
        <v>66</v>
      </c>
      <c r="N68">
        <v>772.3</v>
      </c>
      <c r="O68">
        <v>109</v>
      </c>
      <c r="Q68">
        <v>66</v>
      </c>
      <c r="R68">
        <v>965.6</v>
      </c>
      <c r="S68">
        <v>173</v>
      </c>
      <c r="U68">
        <v>66</v>
      </c>
      <c r="V68">
        <v>824.9</v>
      </c>
      <c r="W68">
        <v>262</v>
      </c>
      <c r="Y68">
        <v>66</v>
      </c>
      <c r="Z68">
        <v>1095.3</v>
      </c>
      <c r="AA68">
        <v>375</v>
      </c>
      <c r="AC68">
        <v>66</v>
      </c>
      <c r="AD68">
        <v>1255.9000000000001</v>
      </c>
      <c r="AE68">
        <v>840</v>
      </c>
      <c r="AG68">
        <v>66</v>
      </c>
      <c r="AH68">
        <v>554.5</v>
      </c>
      <c r="AI68">
        <v>767</v>
      </c>
      <c r="AK68">
        <v>66</v>
      </c>
      <c r="AL68">
        <v>1201.4000000000001</v>
      </c>
      <c r="AM68">
        <v>699</v>
      </c>
      <c r="AO68">
        <v>66</v>
      </c>
      <c r="AP68">
        <v>568.70000000000005</v>
      </c>
      <c r="AQ68">
        <v>1245</v>
      </c>
      <c r="AS68">
        <v>66</v>
      </c>
      <c r="AT68">
        <v>619.20000000000005</v>
      </c>
      <c r="AU68">
        <v>283</v>
      </c>
      <c r="AW68">
        <v>66</v>
      </c>
      <c r="AX68">
        <v>813.3</v>
      </c>
      <c r="AY68">
        <v>144</v>
      </c>
      <c r="BA68">
        <v>66</v>
      </c>
      <c r="BB68">
        <v>619.70000000000005</v>
      </c>
      <c r="BC68">
        <v>745</v>
      </c>
      <c r="BE68">
        <v>66</v>
      </c>
      <c r="BF68">
        <v>701.8</v>
      </c>
      <c r="BG68">
        <v>1603</v>
      </c>
      <c r="BI68">
        <v>66</v>
      </c>
      <c r="BJ68">
        <v>1422.6</v>
      </c>
      <c r="BK68">
        <v>157</v>
      </c>
    </row>
    <row r="69" spans="5:63" x14ac:dyDescent="0.25">
      <c r="E69">
        <v>67</v>
      </c>
      <c r="F69">
        <v>721.6</v>
      </c>
      <c r="G69">
        <v>408</v>
      </c>
      <c r="I69">
        <v>67</v>
      </c>
      <c r="J69">
        <v>630.20000000000005</v>
      </c>
      <c r="K69">
        <v>272</v>
      </c>
      <c r="M69">
        <v>67</v>
      </c>
      <c r="N69">
        <v>775.8</v>
      </c>
      <c r="O69">
        <v>283</v>
      </c>
      <c r="Q69">
        <v>67</v>
      </c>
      <c r="R69">
        <v>968.4</v>
      </c>
      <c r="S69">
        <v>168</v>
      </c>
      <c r="U69">
        <v>67</v>
      </c>
      <c r="V69">
        <v>833.2</v>
      </c>
      <c r="W69">
        <v>156</v>
      </c>
      <c r="Y69">
        <v>67</v>
      </c>
      <c r="Z69">
        <v>1096.4000000000001</v>
      </c>
      <c r="AA69">
        <v>181</v>
      </c>
      <c r="AC69">
        <v>67</v>
      </c>
      <c r="AD69">
        <v>1256.5</v>
      </c>
      <c r="AE69">
        <v>349</v>
      </c>
      <c r="AG69">
        <v>67</v>
      </c>
      <c r="AH69">
        <v>562.79999999999995</v>
      </c>
      <c r="AI69">
        <v>432</v>
      </c>
      <c r="AK69">
        <v>67</v>
      </c>
      <c r="AL69">
        <v>1202.2</v>
      </c>
      <c r="AM69">
        <v>390</v>
      </c>
      <c r="AO69">
        <v>67</v>
      </c>
      <c r="AP69">
        <v>570.20000000000005</v>
      </c>
      <c r="AQ69">
        <v>1938</v>
      </c>
      <c r="AS69">
        <v>67</v>
      </c>
      <c r="AT69">
        <v>619.70000000000005</v>
      </c>
      <c r="AU69">
        <v>198</v>
      </c>
      <c r="AW69">
        <v>67</v>
      </c>
      <c r="AX69">
        <v>814.3</v>
      </c>
      <c r="AY69">
        <v>131</v>
      </c>
      <c r="BA69">
        <v>67</v>
      </c>
      <c r="BB69">
        <v>627.79999999999995</v>
      </c>
      <c r="BC69">
        <v>596</v>
      </c>
      <c r="BE69">
        <v>67</v>
      </c>
      <c r="BF69">
        <v>702.3</v>
      </c>
      <c r="BG69">
        <v>1272</v>
      </c>
      <c r="BI69">
        <v>67</v>
      </c>
      <c r="BJ69">
        <v>1423.6</v>
      </c>
      <c r="BK69">
        <v>155</v>
      </c>
    </row>
    <row r="70" spans="5:63" x14ac:dyDescent="0.25">
      <c r="E70">
        <v>68</v>
      </c>
      <c r="F70">
        <v>722.3</v>
      </c>
      <c r="G70">
        <v>185</v>
      </c>
      <c r="I70">
        <v>68</v>
      </c>
      <c r="J70">
        <v>630.70000000000005</v>
      </c>
      <c r="K70">
        <v>300</v>
      </c>
      <c r="M70">
        <v>68</v>
      </c>
      <c r="N70">
        <v>780.8</v>
      </c>
      <c r="O70">
        <v>187</v>
      </c>
      <c r="Q70">
        <v>68</v>
      </c>
      <c r="R70">
        <v>977.3</v>
      </c>
      <c r="S70">
        <v>215</v>
      </c>
      <c r="U70">
        <v>68</v>
      </c>
      <c r="V70">
        <v>835.4</v>
      </c>
      <c r="W70">
        <v>5783</v>
      </c>
      <c r="Y70">
        <v>68</v>
      </c>
      <c r="Z70">
        <v>1113.4000000000001</v>
      </c>
      <c r="AA70">
        <v>176</v>
      </c>
      <c r="AC70">
        <v>68</v>
      </c>
      <c r="AD70">
        <v>1265</v>
      </c>
      <c r="AE70">
        <v>924</v>
      </c>
      <c r="AG70">
        <v>68</v>
      </c>
      <c r="AH70">
        <v>571.20000000000005</v>
      </c>
      <c r="AI70">
        <v>1886</v>
      </c>
      <c r="AK70">
        <v>68</v>
      </c>
      <c r="AL70">
        <v>1203.4000000000001</v>
      </c>
      <c r="AM70">
        <v>595</v>
      </c>
      <c r="AO70">
        <v>68</v>
      </c>
      <c r="AP70">
        <v>571.20000000000005</v>
      </c>
      <c r="AQ70">
        <v>3775</v>
      </c>
      <c r="AS70">
        <v>68</v>
      </c>
      <c r="AT70">
        <v>625.1</v>
      </c>
      <c r="AU70">
        <v>150</v>
      </c>
      <c r="AW70">
        <v>68</v>
      </c>
      <c r="AX70">
        <v>815.9</v>
      </c>
      <c r="AY70">
        <v>417</v>
      </c>
      <c r="BA70">
        <v>68</v>
      </c>
      <c r="BB70">
        <v>628.20000000000005</v>
      </c>
      <c r="BC70">
        <v>756</v>
      </c>
      <c r="BE70">
        <v>68</v>
      </c>
      <c r="BF70">
        <v>702.8</v>
      </c>
      <c r="BG70">
        <v>1087</v>
      </c>
      <c r="BI70">
        <v>68</v>
      </c>
      <c r="BJ70">
        <v>1446.7</v>
      </c>
      <c r="BK70">
        <v>187</v>
      </c>
    </row>
    <row r="71" spans="5:63" x14ac:dyDescent="0.25">
      <c r="E71">
        <v>69</v>
      </c>
      <c r="F71">
        <v>728.1</v>
      </c>
      <c r="G71">
        <v>250</v>
      </c>
      <c r="I71">
        <v>69</v>
      </c>
      <c r="J71">
        <v>640.20000000000005</v>
      </c>
      <c r="K71">
        <v>434</v>
      </c>
      <c r="M71">
        <v>69</v>
      </c>
      <c r="N71">
        <v>790.8</v>
      </c>
      <c r="O71">
        <v>109</v>
      </c>
      <c r="Q71">
        <v>69</v>
      </c>
      <c r="R71">
        <v>977.6</v>
      </c>
      <c r="S71">
        <v>151</v>
      </c>
      <c r="U71">
        <v>69</v>
      </c>
      <c r="V71">
        <v>836.3</v>
      </c>
      <c r="W71">
        <v>1919</v>
      </c>
      <c r="Y71">
        <v>69</v>
      </c>
      <c r="Z71">
        <v>1114.3</v>
      </c>
      <c r="AA71">
        <v>170</v>
      </c>
      <c r="AC71">
        <v>69</v>
      </c>
      <c r="AD71">
        <v>1275.8</v>
      </c>
      <c r="AE71">
        <v>549</v>
      </c>
      <c r="AG71">
        <v>69</v>
      </c>
      <c r="AH71">
        <v>572.20000000000005</v>
      </c>
      <c r="AI71">
        <v>679</v>
      </c>
      <c r="AK71">
        <v>69</v>
      </c>
      <c r="AL71">
        <v>1344.6</v>
      </c>
      <c r="AM71">
        <v>432</v>
      </c>
      <c r="AO71">
        <v>69</v>
      </c>
      <c r="AP71">
        <v>572.20000000000005</v>
      </c>
      <c r="AQ71">
        <v>707</v>
      </c>
      <c r="AS71">
        <v>69</v>
      </c>
      <c r="AT71">
        <v>627.70000000000005</v>
      </c>
      <c r="AU71">
        <v>322</v>
      </c>
      <c r="AW71">
        <v>69</v>
      </c>
      <c r="AX71">
        <v>817.2</v>
      </c>
      <c r="AY71">
        <v>1301</v>
      </c>
      <c r="BA71">
        <v>69</v>
      </c>
      <c r="BB71">
        <v>628.6</v>
      </c>
      <c r="BC71">
        <v>899</v>
      </c>
      <c r="BE71">
        <v>69</v>
      </c>
      <c r="BF71">
        <v>703.3</v>
      </c>
      <c r="BG71">
        <v>1024</v>
      </c>
      <c r="BI71">
        <v>69</v>
      </c>
      <c r="BJ71">
        <v>1464.6</v>
      </c>
      <c r="BK71">
        <v>171</v>
      </c>
    </row>
    <row r="72" spans="5:63" x14ac:dyDescent="0.25">
      <c r="E72">
        <v>70</v>
      </c>
      <c r="F72">
        <v>729.1</v>
      </c>
      <c r="G72">
        <v>411</v>
      </c>
      <c r="I72">
        <v>70</v>
      </c>
      <c r="J72">
        <v>641.20000000000005</v>
      </c>
      <c r="K72">
        <v>104</v>
      </c>
      <c r="M72">
        <v>70</v>
      </c>
      <c r="N72">
        <v>791.3</v>
      </c>
      <c r="O72">
        <v>453</v>
      </c>
      <c r="Q72">
        <v>70</v>
      </c>
      <c r="R72">
        <v>978.3</v>
      </c>
      <c r="S72">
        <v>1524</v>
      </c>
      <c r="U72">
        <v>70</v>
      </c>
      <c r="V72">
        <v>837</v>
      </c>
      <c r="W72">
        <v>187</v>
      </c>
      <c r="Y72">
        <v>70</v>
      </c>
      <c r="Z72">
        <v>1137.4000000000001</v>
      </c>
      <c r="AA72">
        <v>372</v>
      </c>
      <c r="AC72">
        <v>70</v>
      </c>
      <c r="AD72">
        <v>1276</v>
      </c>
      <c r="AE72">
        <v>604</v>
      </c>
      <c r="AG72">
        <v>70</v>
      </c>
      <c r="AH72">
        <v>580</v>
      </c>
      <c r="AI72">
        <v>342</v>
      </c>
      <c r="AK72">
        <v>70</v>
      </c>
      <c r="AL72">
        <v>1363.4</v>
      </c>
      <c r="AM72">
        <v>235</v>
      </c>
      <c r="AO72">
        <v>70</v>
      </c>
      <c r="AP72">
        <v>572.4</v>
      </c>
      <c r="AQ72">
        <v>602</v>
      </c>
      <c r="AS72">
        <v>70</v>
      </c>
      <c r="AT72">
        <v>628.20000000000005</v>
      </c>
      <c r="AU72">
        <v>552</v>
      </c>
      <c r="AW72">
        <v>70</v>
      </c>
      <c r="AX72">
        <v>818.2</v>
      </c>
      <c r="AY72">
        <v>452</v>
      </c>
      <c r="BA72">
        <v>70</v>
      </c>
      <c r="BB72">
        <v>628.79999999999995</v>
      </c>
      <c r="BC72">
        <v>536</v>
      </c>
      <c r="BE72">
        <v>70</v>
      </c>
      <c r="BF72">
        <v>704</v>
      </c>
      <c r="BG72">
        <v>336</v>
      </c>
      <c r="BI72">
        <v>70</v>
      </c>
      <c r="BJ72">
        <v>1506.1</v>
      </c>
      <c r="BK72">
        <v>217</v>
      </c>
    </row>
    <row r="73" spans="5:63" x14ac:dyDescent="0.25">
      <c r="E73">
        <v>71</v>
      </c>
      <c r="F73">
        <v>730.4</v>
      </c>
      <c r="G73">
        <v>270</v>
      </c>
      <c r="I73">
        <v>71</v>
      </c>
      <c r="J73">
        <v>644.1</v>
      </c>
      <c r="K73">
        <v>149</v>
      </c>
      <c r="M73">
        <v>71</v>
      </c>
      <c r="N73">
        <v>791.7</v>
      </c>
      <c r="O73">
        <v>100</v>
      </c>
      <c r="Q73">
        <v>71</v>
      </c>
      <c r="R73">
        <v>986.4</v>
      </c>
      <c r="S73">
        <v>456</v>
      </c>
      <c r="U73">
        <v>71</v>
      </c>
      <c r="V73">
        <v>837.4</v>
      </c>
      <c r="W73">
        <v>756</v>
      </c>
      <c r="Y73">
        <v>71</v>
      </c>
      <c r="Z73">
        <v>1175.5</v>
      </c>
      <c r="AA73">
        <v>105</v>
      </c>
      <c r="AC73">
        <v>71</v>
      </c>
      <c r="AD73">
        <v>1276.3</v>
      </c>
      <c r="AE73">
        <v>1361</v>
      </c>
      <c r="AG73">
        <v>71</v>
      </c>
      <c r="AH73">
        <v>584.29999999999995</v>
      </c>
      <c r="AI73">
        <v>302</v>
      </c>
      <c r="AK73">
        <v>71</v>
      </c>
      <c r="AL73">
        <v>1369.6</v>
      </c>
      <c r="AM73">
        <v>696</v>
      </c>
      <c r="AO73">
        <v>71</v>
      </c>
      <c r="AP73">
        <v>573.29999999999995</v>
      </c>
      <c r="AQ73">
        <v>855</v>
      </c>
      <c r="AS73">
        <v>71</v>
      </c>
      <c r="AT73">
        <v>628.79999999999995</v>
      </c>
      <c r="AU73">
        <v>363</v>
      </c>
      <c r="AW73">
        <v>71</v>
      </c>
      <c r="AX73">
        <v>818.4</v>
      </c>
      <c r="AY73">
        <v>682</v>
      </c>
      <c r="BA73">
        <v>71</v>
      </c>
      <c r="BB73">
        <v>629.29999999999995</v>
      </c>
      <c r="BC73">
        <v>933</v>
      </c>
      <c r="BE73">
        <v>71</v>
      </c>
      <c r="BF73">
        <v>704.3</v>
      </c>
      <c r="BG73">
        <v>313</v>
      </c>
      <c r="BI73">
        <v>71</v>
      </c>
      <c r="BJ73">
        <v>1506.5</v>
      </c>
      <c r="BK73">
        <v>257</v>
      </c>
    </row>
    <row r="74" spans="5:63" x14ac:dyDescent="0.25">
      <c r="E74">
        <v>72</v>
      </c>
      <c r="F74">
        <v>730.7</v>
      </c>
      <c r="G74">
        <v>107</v>
      </c>
      <c r="I74">
        <v>72</v>
      </c>
      <c r="J74">
        <v>648.70000000000005</v>
      </c>
      <c r="K74">
        <v>467</v>
      </c>
      <c r="M74">
        <v>72</v>
      </c>
      <c r="N74">
        <v>801.8</v>
      </c>
      <c r="O74">
        <v>248</v>
      </c>
      <c r="Q74">
        <v>72</v>
      </c>
      <c r="R74">
        <v>998</v>
      </c>
      <c r="S74">
        <v>385</v>
      </c>
      <c r="U74">
        <v>72</v>
      </c>
      <c r="V74">
        <v>838</v>
      </c>
      <c r="W74">
        <v>252</v>
      </c>
      <c r="Y74">
        <v>72</v>
      </c>
      <c r="Z74">
        <v>1218.5</v>
      </c>
      <c r="AA74">
        <v>346</v>
      </c>
      <c r="AC74">
        <v>72</v>
      </c>
      <c r="AD74">
        <v>1276.9000000000001</v>
      </c>
      <c r="AE74">
        <v>1049</v>
      </c>
      <c r="AG74">
        <v>72</v>
      </c>
      <c r="AH74">
        <v>586.20000000000005</v>
      </c>
      <c r="AI74">
        <v>754</v>
      </c>
      <c r="AK74">
        <v>72</v>
      </c>
      <c r="AL74">
        <v>1387.5</v>
      </c>
      <c r="AM74">
        <v>134</v>
      </c>
      <c r="AO74">
        <v>72</v>
      </c>
      <c r="AP74">
        <v>574.29999999999995</v>
      </c>
      <c r="AQ74">
        <v>546</v>
      </c>
      <c r="AS74">
        <v>72</v>
      </c>
      <c r="AT74">
        <v>629.29999999999995</v>
      </c>
      <c r="AU74">
        <v>467</v>
      </c>
      <c r="AW74">
        <v>72</v>
      </c>
      <c r="AX74">
        <v>819.3</v>
      </c>
      <c r="AY74">
        <v>437</v>
      </c>
      <c r="BA74">
        <v>72</v>
      </c>
      <c r="BB74">
        <v>629.70000000000005</v>
      </c>
      <c r="BC74">
        <v>790</v>
      </c>
      <c r="BE74">
        <v>72</v>
      </c>
      <c r="BF74">
        <v>708</v>
      </c>
      <c r="BG74">
        <v>161</v>
      </c>
      <c r="BI74">
        <v>72</v>
      </c>
      <c r="BJ74">
        <v>1518.2</v>
      </c>
      <c r="BK74">
        <v>256</v>
      </c>
    </row>
    <row r="75" spans="5:63" x14ac:dyDescent="0.25">
      <c r="E75">
        <v>73</v>
      </c>
      <c r="F75">
        <v>731.4</v>
      </c>
      <c r="G75">
        <v>1212</v>
      </c>
      <c r="I75">
        <v>73</v>
      </c>
      <c r="J75">
        <v>649.20000000000005</v>
      </c>
      <c r="K75">
        <v>785</v>
      </c>
      <c r="M75">
        <v>73</v>
      </c>
      <c r="N75">
        <v>802.5</v>
      </c>
      <c r="O75">
        <v>198</v>
      </c>
      <c r="Q75">
        <v>73</v>
      </c>
      <c r="R75">
        <v>1010.8</v>
      </c>
      <c r="S75">
        <v>405</v>
      </c>
      <c r="U75">
        <v>73</v>
      </c>
      <c r="V75">
        <v>838.3</v>
      </c>
      <c r="W75">
        <v>181</v>
      </c>
      <c r="Y75">
        <v>73</v>
      </c>
      <c r="Z75">
        <v>1233.5</v>
      </c>
      <c r="AA75">
        <v>165</v>
      </c>
      <c r="AC75">
        <v>73</v>
      </c>
      <c r="AD75">
        <v>1277.5</v>
      </c>
      <c r="AE75">
        <v>2034</v>
      </c>
      <c r="AG75">
        <v>73</v>
      </c>
      <c r="AH75">
        <v>587.1</v>
      </c>
      <c r="AI75">
        <v>532</v>
      </c>
      <c r="AK75">
        <v>73</v>
      </c>
      <c r="AL75">
        <v>1388.5</v>
      </c>
      <c r="AM75">
        <v>421</v>
      </c>
      <c r="AO75">
        <v>73</v>
      </c>
      <c r="AP75">
        <v>575.1</v>
      </c>
      <c r="AQ75">
        <v>373</v>
      </c>
      <c r="AS75">
        <v>73</v>
      </c>
      <c r="AT75">
        <v>629.79999999999995</v>
      </c>
      <c r="AU75">
        <v>1941</v>
      </c>
      <c r="AW75">
        <v>73</v>
      </c>
      <c r="AX75">
        <v>824.9</v>
      </c>
      <c r="AY75">
        <v>217</v>
      </c>
      <c r="BA75">
        <v>73</v>
      </c>
      <c r="BB75">
        <v>630.20000000000005</v>
      </c>
      <c r="BC75">
        <v>265</v>
      </c>
      <c r="BE75">
        <v>73</v>
      </c>
      <c r="BF75">
        <v>709.3</v>
      </c>
      <c r="BG75">
        <v>182</v>
      </c>
      <c r="BI75">
        <v>73</v>
      </c>
      <c r="BJ75">
        <v>1529.6</v>
      </c>
      <c r="BK75">
        <v>269</v>
      </c>
    </row>
    <row r="76" spans="5:63" x14ac:dyDescent="0.25">
      <c r="E76">
        <v>74</v>
      </c>
      <c r="F76">
        <v>731.8</v>
      </c>
      <c r="G76">
        <v>246</v>
      </c>
      <c r="I76">
        <v>74</v>
      </c>
      <c r="J76">
        <v>649.9</v>
      </c>
      <c r="K76">
        <v>263</v>
      </c>
      <c r="M76">
        <v>74</v>
      </c>
      <c r="N76">
        <v>802.9</v>
      </c>
      <c r="O76">
        <v>243</v>
      </c>
      <c r="Q76">
        <v>74</v>
      </c>
      <c r="R76">
        <v>1019.2</v>
      </c>
      <c r="S76">
        <v>439</v>
      </c>
      <c r="U76">
        <v>74</v>
      </c>
      <c r="V76">
        <v>846.8</v>
      </c>
      <c r="W76">
        <v>210</v>
      </c>
      <c r="Y76">
        <v>74</v>
      </c>
      <c r="Z76">
        <v>1236.7</v>
      </c>
      <c r="AA76">
        <v>283</v>
      </c>
      <c r="AC76">
        <v>74</v>
      </c>
      <c r="AD76">
        <v>1278</v>
      </c>
      <c r="AE76">
        <v>543</v>
      </c>
      <c r="AG76">
        <v>74</v>
      </c>
      <c r="AH76">
        <v>588.29999999999995</v>
      </c>
      <c r="AI76">
        <v>317</v>
      </c>
      <c r="AK76">
        <v>74</v>
      </c>
      <c r="AL76">
        <v>1398.9</v>
      </c>
      <c r="AM76">
        <v>347</v>
      </c>
      <c r="AO76">
        <v>74</v>
      </c>
      <c r="AP76">
        <v>580.79999999999995</v>
      </c>
      <c r="AQ76">
        <v>382</v>
      </c>
      <c r="AS76">
        <v>74</v>
      </c>
      <c r="AT76">
        <v>630.20000000000005</v>
      </c>
      <c r="AU76">
        <v>198</v>
      </c>
      <c r="AW76">
        <v>74</v>
      </c>
      <c r="AX76">
        <v>825.3</v>
      </c>
      <c r="AY76">
        <v>106</v>
      </c>
      <c r="BA76">
        <v>74</v>
      </c>
      <c r="BB76">
        <v>634.29999999999995</v>
      </c>
      <c r="BC76">
        <v>158</v>
      </c>
      <c r="BE76">
        <v>74</v>
      </c>
      <c r="BF76">
        <v>713.3</v>
      </c>
      <c r="BG76">
        <v>773</v>
      </c>
      <c r="BI76">
        <v>74</v>
      </c>
      <c r="BJ76">
        <v>1531.7</v>
      </c>
      <c r="BK76">
        <v>398</v>
      </c>
    </row>
    <row r="77" spans="5:63" x14ac:dyDescent="0.25">
      <c r="E77">
        <v>75</v>
      </c>
      <c r="F77">
        <v>732.2</v>
      </c>
      <c r="G77">
        <v>409</v>
      </c>
      <c r="I77">
        <v>75</v>
      </c>
      <c r="J77">
        <v>650.20000000000005</v>
      </c>
      <c r="K77">
        <v>449</v>
      </c>
      <c r="M77">
        <v>75</v>
      </c>
      <c r="N77">
        <v>803.2</v>
      </c>
      <c r="O77">
        <v>508</v>
      </c>
      <c r="Q77">
        <v>75</v>
      </c>
      <c r="R77">
        <v>1019.8</v>
      </c>
      <c r="S77">
        <v>165</v>
      </c>
      <c r="U77">
        <v>75</v>
      </c>
      <c r="V77">
        <v>853.7</v>
      </c>
      <c r="W77">
        <v>153</v>
      </c>
      <c r="Y77">
        <v>75</v>
      </c>
      <c r="Z77">
        <v>1240.4000000000001</v>
      </c>
      <c r="AA77">
        <v>263</v>
      </c>
      <c r="AC77">
        <v>75</v>
      </c>
      <c r="AD77">
        <v>1278.5</v>
      </c>
      <c r="AE77">
        <v>227</v>
      </c>
      <c r="AG77">
        <v>75</v>
      </c>
      <c r="AH77">
        <v>595.79999999999995</v>
      </c>
      <c r="AI77">
        <v>1220</v>
      </c>
      <c r="AK77">
        <v>75</v>
      </c>
      <c r="AL77">
        <v>1459.5</v>
      </c>
      <c r="AM77">
        <v>160</v>
      </c>
      <c r="AO77">
        <v>75</v>
      </c>
      <c r="AP77">
        <v>584.4</v>
      </c>
      <c r="AQ77">
        <v>228</v>
      </c>
      <c r="AS77">
        <v>75</v>
      </c>
      <c r="AT77">
        <v>630.79999999999995</v>
      </c>
      <c r="AU77">
        <v>1340</v>
      </c>
      <c r="AW77">
        <v>75</v>
      </c>
      <c r="AX77">
        <v>826.3</v>
      </c>
      <c r="AY77">
        <v>243</v>
      </c>
      <c r="BA77">
        <v>75</v>
      </c>
      <c r="BB77">
        <v>637.20000000000005</v>
      </c>
      <c r="BC77">
        <v>2016</v>
      </c>
      <c r="BE77">
        <v>75</v>
      </c>
      <c r="BF77">
        <v>714.8</v>
      </c>
      <c r="BG77">
        <v>125</v>
      </c>
      <c r="BI77">
        <v>75</v>
      </c>
      <c r="BJ77">
        <v>1547.8</v>
      </c>
      <c r="BK77">
        <v>157</v>
      </c>
    </row>
    <row r="78" spans="5:63" x14ac:dyDescent="0.25">
      <c r="E78">
        <v>76</v>
      </c>
      <c r="F78">
        <v>732.8</v>
      </c>
      <c r="G78">
        <v>104</v>
      </c>
      <c r="I78">
        <v>76</v>
      </c>
      <c r="J78">
        <v>650.79999999999995</v>
      </c>
      <c r="K78">
        <v>114</v>
      </c>
      <c r="M78">
        <v>76</v>
      </c>
      <c r="N78">
        <v>803.8</v>
      </c>
      <c r="O78">
        <v>131</v>
      </c>
      <c r="Q78">
        <v>76</v>
      </c>
      <c r="R78">
        <v>1025.3</v>
      </c>
      <c r="S78">
        <v>145</v>
      </c>
      <c r="U78">
        <v>76</v>
      </c>
      <c r="V78">
        <v>854.2</v>
      </c>
      <c r="W78">
        <v>217</v>
      </c>
      <c r="Y78">
        <v>76</v>
      </c>
      <c r="Z78">
        <v>1240.5999999999999</v>
      </c>
      <c r="AA78">
        <v>440</v>
      </c>
      <c r="AC78">
        <v>76</v>
      </c>
      <c r="AD78">
        <v>1284.4000000000001</v>
      </c>
      <c r="AE78">
        <v>165</v>
      </c>
      <c r="AG78">
        <v>76</v>
      </c>
      <c r="AH78">
        <v>596.29999999999995</v>
      </c>
      <c r="AI78">
        <v>552</v>
      </c>
      <c r="AK78">
        <v>76</v>
      </c>
      <c r="AL78">
        <v>1462.6</v>
      </c>
      <c r="AM78">
        <v>370</v>
      </c>
      <c r="AO78">
        <v>76</v>
      </c>
      <c r="AP78">
        <v>584.79999999999995</v>
      </c>
      <c r="AQ78">
        <v>620</v>
      </c>
      <c r="AS78">
        <v>76</v>
      </c>
      <c r="AT78">
        <v>631.20000000000005</v>
      </c>
      <c r="AU78">
        <v>549</v>
      </c>
      <c r="AW78">
        <v>76</v>
      </c>
      <c r="AX78">
        <v>827.3</v>
      </c>
      <c r="AY78">
        <v>140</v>
      </c>
      <c r="BA78">
        <v>76</v>
      </c>
      <c r="BB78">
        <v>637.79999999999995</v>
      </c>
      <c r="BC78">
        <v>2115</v>
      </c>
      <c r="BE78">
        <v>76</v>
      </c>
      <c r="BF78">
        <v>715.3</v>
      </c>
      <c r="BG78">
        <v>411</v>
      </c>
      <c r="BI78">
        <v>76</v>
      </c>
      <c r="BJ78">
        <v>1553.6</v>
      </c>
      <c r="BK78">
        <v>126</v>
      </c>
    </row>
    <row r="79" spans="5:63" x14ac:dyDescent="0.25">
      <c r="E79">
        <v>77</v>
      </c>
      <c r="F79">
        <v>733.8</v>
      </c>
      <c r="G79">
        <v>264</v>
      </c>
      <c r="I79">
        <v>77</v>
      </c>
      <c r="J79">
        <v>652.20000000000005</v>
      </c>
      <c r="K79">
        <v>1312</v>
      </c>
      <c r="M79">
        <v>77</v>
      </c>
      <c r="N79">
        <v>810.9</v>
      </c>
      <c r="O79">
        <v>165</v>
      </c>
      <c r="Q79">
        <v>77</v>
      </c>
      <c r="R79">
        <v>1025.9000000000001</v>
      </c>
      <c r="S79">
        <v>213</v>
      </c>
      <c r="U79">
        <v>77</v>
      </c>
      <c r="V79">
        <v>854.4</v>
      </c>
      <c r="W79">
        <v>261</v>
      </c>
      <c r="Y79">
        <v>77</v>
      </c>
      <c r="Z79">
        <v>1275.4000000000001</v>
      </c>
      <c r="AA79">
        <v>548</v>
      </c>
      <c r="AC79">
        <v>77</v>
      </c>
      <c r="AD79">
        <v>1362.6</v>
      </c>
      <c r="AE79">
        <v>966</v>
      </c>
      <c r="AG79">
        <v>77</v>
      </c>
      <c r="AH79">
        <v>598.20000000000005</v>
      </c>
      <c r="AI79">
        <v>2540</v>
      </c>
      <c r="AK79">
        <v>77</v>
      </c>
      <c r="AL79">
        <v>1465.6</v>
      </c>
      <c r="AM79">
        <v>292</v>
      </c>
      <c r="AO79">
        <v>77</v>
      </c>
      <c r="AP79">
        <v>586</v>
      </c>
      <c r="AQ79">
        <v>704</v>
      </c>
      <c r="AS79">
        <v>77</v>
      </c>
      <c r="AT79">
        <v>640.20000000000005</v>
      </c>
      <c r="AU79">
        <v>1454</v>
      </c>
      <c r="AW79">
        <v>77</v>
      </c>
      <c r="AX79">
        <v>829.9</v>
      </c>
      <c r="AY79">
        <v>104</v>
      </c>
      <c r="BA79">
        <v>77</v>
      </c>
      <c r="BB79">
        <v>638.20000000000005</v>
      </c>
      <c r="BC79">
        <v>435</v>
      </c>
      <c r="BE79">
        <v>77</v>
      </c>
      <c r="BF79">
        <v>723.8</v>
      </c>
      <c r="BG79">
        <v>267</v>
      </c>
      <c r="BI79">
        <v>77</v>
      </c>
      <c r="BJ79">
        <v>1581.5</v>
      </c>
      <c r="BK79">
        <v>370</v>
      </c>
    </row>
    <row r="80" spans="5:63" x14ac:dyDescent="0.25">
      <c r="E80">
        <v>78</v>
      </c>
      <c r="F80">
        <v>742.3</v>
      </c>
      <c r="G80">
        <v>219</v>
      </c>
      <c r="I80">
        <v>78</v>
      </c>
      <c r="J80">
        <v>653.20000000000005</v>
      </c>
      <c r="K80">
        <v>625</v>
      </c>
      <c r="M80">
        <v>78</v>
      </c>
      <c r="N80">
        <v>811.2</v>
      </c>
      <c r="O80">
        <v>499</v>
      </c>
      <c r="Q80">
        <v>78</v>
      </c>
      <c r="R80">
        <v>1029.5</v>
      </c>
      <c r="S80">
        <v>314</v>
      </c>
      <c r="U80">
        <v>78</v>
      </c>
      <c r="V80">
        <v>854.8</v>
      </c>
      <c r="W80">
        <v>466</v>
      </c>
      <c r="Y80">
        <v>78</v>
      </c>
      <c r="Z80">
        <v>1276.4000000000001</v>
      </c>
      <c r="AA80">
        <v>670</v>
      </c>
      <c r="AC80">
        <v>78</v>
      </c>
      <c r="AD80">
        <v>1373.5</v>
      </c>
      <c r="AE80">
        <v>449</v>
      </c>
      <c r="AG80">
        <v>78</v>
      </c>
      <c r="AH80">
        <v>599.79999999999995</v>
      </c>
      <c r="AI80">
        <v>880</v>
      </c>
      <c r="AK80">
        <v>78</v>
      </c>
      <c r="AL80">
        <v>1466.7</v>
      </c>
      <c r="AM80">
        <v>215</v>
      </c>
      <c r="AO80">
        <v>78</v>
      </c>
      <c r="AP80">
        <v>586.29999999999995</v>
      </c>
      <c r="AQ80">
        <v>3262</v>
      </c>
      <c r="AS80">
        <v>78</v>
      </c>
      <c r="AT80">
        <v>644.20000000000005</v>
      </c>
      <c r="AU80">
        <v>166</v>
      </c>
      <c r="AW80">
        <v>78</v>
      </c>
      <c r="AX80">
        <v>835.4</v>
      </c>
      <c r="AY80">
        <v>3667</v>
      </c>
      <c r="BA80">
        <v>78</v>
      </c>
      <c r="BB80">
        <v>642.20000000000005</v>
      </c>
      <c r="BC80">
        <v>398</v>
      </c>
      <c r="BE80">
        <v>78</v>
      </c>
      <c r="BF80">
        <v>726.8</v>
      </c>
      <c r="BG80">
        <v>397</v>
      </c>
      <c r="BI80">
        <v>78</v>
      </c>
      <c r="BJ80">
        <v>1607.5</v>
      </c>
      <c r="BK80">
        <v>195</v>
      </c>
    </row>
    <row r="81" spans="5:63" x14ac:dyDescent="0.25">
      <c r="E81">
        <v>79</v>
      </c>
      <c r="F81">
        <v>745.3</v>
      </c>
      <c r="G81">
        <v>107</v>
      </c>
      <c r="I81">
        <v>79</v>
      </c>
      <c r="J81">
        <v>653.6</v>
      </c>
      <c r="K81">
        <v>232</v>
      </c>
      <c r="M81">
        <v>79</v>
      </c>
      <c r="N81">
        <v>811.4</v>
      </c>
      <c r="O81">
        <v>130</v>
      </c>
      <c r="Q81">
        <v>79</v>
      </c>
      <c r="R81">
        <v>1030.3</v>
      </c>
      <c r="S81">
        <v>828</v>
      </c>
      <c r="U81">
        <v>79</v>
      </c>
      <c r="V81">
        <v>855.9</v>
      </c>
      <c r="W81">
        <v>318</v>
      </c>
      <c r="Y81">
        <v>79</v>
      </c>
      <c r="Z81">
        <v>1277.0999999999999</v>
      </c>
      <c r="AA81">
        <v>169</v>
      </c>
      <c r="AC81">
        <v>79</v>
      </c>
      <c r="AD81">
        <v>1423.6</v>
      </c>
      <c r="AE81">
        <v>332</v>
      </c>
      <c r="AG81">
        <v>79</v>
      </c>
      <c r="AH81">
        <v>600.79999999999995</v>
      </c>
      <c r="AI81">
        <v>563</v>
      </c>
      <c r="AK81">
        <v>79</v>
      </c>
      <c r="AL81">
        <v>1471.4</v>
      </c>
      <c r="AM81">
        <v>431</v>
      </c>
      <c r="AO81">
        <v>79</v>
      </c>
      <c r="AP81">
        <v>586.9</v>
      </c>
      <c r="AQ81">
        <v>967</v>
      </c>
      <c r="AS81">
        <v>79</v>
      </c>
      <c r="AT81">
        <v>648.79999999999995</v>
      </c>
      <c r="AU81">
        <v>200</v>
      </c>
      <c r="AW81">
        <v>79</v>
      </c>
      <c r="AX81">
        <v>836.2</v>
      </c>
      <c r="AY81">
        <v>1060</v>
      </c>
      <c r="BA81">
        <v>79</v>
      </c>
      <c r="BB81">
        <v>643</v>
      </c>
      <c r="BC81">
        <v>872</v>
      </c>
      <c r="BE81">
        <v>79</v>
      </c>
      <c r="BF81">
        <v>732.3</v>
      </c>
      <c r="BG81">
        <v>1232</v>
      </c>
      <c r="BI81">
        <v>79</v>
      </c>
      <c r="BJ81">
        <v>1617.5</v>
      </c>
      <c r="BK81">
        <v>259</v>
      </c>
    </row>
    <row r="82" spans="5:63" x14ac:dyDescent="0.25">
      <c r="E82">
        <v>80</v>
      </c>
      <c r="F82">
        <v>748.3</v>
      </c>
      <c r="G82">
        <v>224</v>
      </c>
      <c r="I82">
        <v>80</v>
      </c>
      <c r="J82">
        <v>657.8</v>
      </c>
      <c r="K82">
        <v>919</v>
      </c>
      <c r="M82">
        <v>80</v>
      </c>
      <c r="N82">
        <v>811.8</v>
      </c>
      <c r="O82">
        <v>331</v>
      </c>
      <c r="Q82">
        <v>80</v>
      </c>
      <c r="R82">
        <v>1030.9000000000001</v>
      </c>
      <c r="S82">
        <v>382</v>
      </c>
      <c r="U82">
        <v>80</v>
      </c>
      <c r="V82">
        <v>863.2</v>
      </c>
      <c r="W82">
        <v>585</v>
      </c>
      <c r="Y82">
        <v>80</v>
      </c>
      <c r="Z82">
        <v>1277.8</v>
      </c>
      <c r="AA82">
        <v>135</v>
      </c>
      <c r="AC82">
        <v>80</v>
      </c>
      <c r="AD82">
        <v>1445.5</v>
      </c>
      <c r="AE82">
        <v>553</v>
      </c>
      <c r="AG82">
        <v>80</v>
      </c>
      <c r="AH82">
        <v>607.1</v>
      </c>
      <c r="AI82">
        <v>2273</v>
      </c>
      <c r="AK82">
        <v>80</v>
      </c>
      <c r="AL82">
        <v>1480.6</v>
      </c>
      <c r="AM82">
        <v>184</v>
      </c>
      <c r="AO82">
        <v>80</v>
      </c>
      <c r="AP82">
        <v>587.29999999999995</v>
      </c>
      <c r="AQ82">
        <v>419</v>
      </c>
      <c r="AS82">
        <v>80</v>
      </c>
      <c r="AT82">
        <v>649.20000000000005</v>
      </c>
      <c r="AU82">
        <v>1218</v>
      </c>
      <c r="AW82">
        <v>80</v>
      </c>
      <c r="AX82">
        <v>836.7</v>
      </c>
      <c r="AY82">
        <v>281</v>
      </c>
      <c r="BA82">
        <v>80</v>
      </c>
      <c r="BB82">
        <v>644.20000000000005</v>
      </c>
      <c r="BC82">
        <v>223</v>
      </c>
      <c r="BE82">
        <v>80</v>
      </c>
      <c r="BF82">
        <v>732.8</v>
      </c>
      <c r="BG82">
        <v>282</v>
      </c>
      <c r="BI82">
        <v>80</v>
      </c>
      <c r="BJ82">
        <v>1627.4</v>
      </c>
      <c r="BK82">
        <v>209</v>
      </c>
    </row>
    <row r="83" spans="5:63" x14ac:dyDescent="0.25">
      <c r="E83">
        <v>81</v>
      </c>
      <c r="F83">
        <v>749.1</v>
      </c>
      <c r="G83">
        <v>141</v>
      </c>
      <c r="I83">
        <v>81</v>
      </c>
      <c r="J83">
        <v>658.3</v>
      </c>
      <c r="K83">
        <v>706</v>
      </c>
      <c r="M83">
        <v>81</v>
      </c>
      <c r="N83">
        <v>812.3</v>
      </c>
      <c r="O83">
        <v>1005</v>
      </c>
      <c r="Q83">
        <v>81</v>
      </c>
      <c r="R83">
        <v>1038.3</v>
      </c>
      <c r="S83">
        <v>368</v>
      </c>
      <c r="U83">
        <v>81</v>
      </c>
      <c r="V83">
        <v>866.7</v>
      </c>
      <c r="W83">
        <v>224</v>
      </c>
      <c r="Y83">
        <v>81</v>
      </c>
      <c r="Z83">
        <v>1278.5</v>
      </c>
      <c r="AA83">
        <v>390</v>
      </c>
      <c r="AC83">
        <v>81</v>
      </c>
      <c r="AD83">
        <v>1459.7</v>
      </c>
      <c r="AE83">
        <v>960</v>
      </c>
      <c r="AG83">
        <v>81</v>
      </c>
      <c r="AH83">
        <v>608.79999999999995</v>
      </c>
      <c r="AI83">
        <v>3362</v>
      </c>
      <c r="AK83">
        <v>81</v>
      </c>
      <c r="AL83">
        <v>1482.7</v>
      </c>
      <c r="AM83">
        <v>244</v>
      </c>
      <c r="AO83">
        <v>81</v>
      </c>
      <c r="AP83">
        <v>587.70000000000005</v>
      </c>
      <c r="AQ83">
        <v>756</v>
      </c>
      <c r="AS83">
        <v>81</v>
      </c>
      <c r="AT83">
        <v>649.79999999999995</v>
      </c>
      <c r="AU83">
        <v>1405</v>
      </c>
      <c r="AW83">
        <v>81</v>
      </c>
      <c r="AX83">
        <v>837.3</v>
      </c>
      <c r="AY83">
        <v>997</v>
      </c>
      <c r="BA83">
        <v>81</v>
      </c>
      <c r="BB83">
        <v>649.20000000000005</v>
      </c>
      <c r="BC83">
        <v>561</v>
      </c>
      <c r="BE83">
        <v>81</v>
      </c>
      <c r="BF83">
        <v>735.3</v>
      </c>
      <c r="BG83">
        <v>100</v>
      </c>
      <c r="BI83">
        <v>81</v>
      </c>
      <c r="BJ83">
        <v>1627.6</v>
      </c>
      <c r="BK83">
        <v>484</v>
      </c>
    </row>
    <row r="84" spans="5:63" x14ac:dyDescent="0.25">
      <c r="E84">
        <v>82</v>
      </c>
      <c r="F84">
        <v>750.8</v>
      </c>
      <c r="G84">
        <v>870</v>
      </c>
      <c r="I84">
        <v>82</v>
      </c>
      <c r="J84">
        <v>658.7</v>
      </c>
      <c r="K84">
        <v>466</v>
      </c>
      <c r="M84">
        <v>82</v>
      </c>
      <c r="N84">
        <v>822.8</v>
      </c>
      <c r="O84">
        <v>484</v>
      </c>
      <c r="Q84">
        <v>82</v>
      </c>
      <c r="R84">
        <v>1038.9000000000001</v>
      </c>
      <c r="S84">
        <v>180</v>
      </c>
      <c r="U84">
        <v>82</v>
      </c>
      <c r="V84">
        <v>867.3</v>
      </c>
      <c r="W84">
        <v>278</v>
      </c>
      <c r="Y84">
        <v>82</v>
      </c>
      <c r="Z84">
        <v>1279.5999999999999</v>
      </c>
      <c r="AA84">
        <v>205</v>
      </c>
      <c r="AC84">
        <v>82</v>
      </c>
      <c r="AD84">
        <v>1478.6</v>
      </c>
      <c r="AE84">
        <v>289</v>
      </c>
      <c r="AG84">
        <v>82</v>
      </c>
      <c r="AH84">
        <v>609.20000000000005</v>
      </c>
      <c r="AI84">
        <v>1420</v>
      </c>
      <c r="AK84">
        <v>82</v>
      </c>
      <c r="AL84">
        <v>1506.6</v>
      </c>
      <c r="AM84">
        <v>335</v>
      </c>
      <c r="AO84">
        <v>82</v>
      </c>
      <c r="AP84">
        <v>589.29999999999995</v>
      </c>
      <c r="AQ84">
        <v>539</v>
      </c>
      <c r="AS84">
        <v>82</v>
      </c>
      <c r="AT84">
        <v>650.29999999999995</v>
      </c>
      <c r="AU84">
        <v>801</v>
      </c>
      <c r="AW84">
        <v>82</v>
      </c>
      <c r="AX84">
        <v>838.8</v>
      </c>
      <c r="AY84">
        <v>263</v>
      </c>
      <c r="BA84">
        <v>82</v>
      </c>
      <c r="BB84">
        <v>649.79999999999995</v>
      </c>
      <c r="BC84">
        <v>244</v>
      </c>
      <c r="BE84">
        <v>82</v>
      </c>
      <c r="BF84">
        <v>738.5</v>
      </c>
      <c r="BG84">
        <v>422</v>
      </c>
      <c r="BI84">
        <v>82</v>
      </c>
      <c r="BJ84">
        <v>1677.5</v>
      </c>
      <c r="BK84">
        <v>155</v>
      </c>
    </row>
    <row r="85" spans="5:63" x14ac:dyDescent="0.25">
      <c r="E85">
        <v>83</v>
      </c>
      <c r="F85">
        <v>751.3</v>
      </c>
      <c r="G85">
        <v>1168</v>
      </c>
      <c r="I85">
        <v>83</v>
      </c>
      <c r="J85">
        <v>660.3</v>
      </c>
      <c r="K85">
        <v>113</v>
      </c>
      <c r="M85">
        <v>83</v>
      </c>
      <c r="N85">
        <v>823.2</v>
      </c>
      <c r="O85">
        <v>256</v>
      </c>
      <c r="Q85">
        <v>83</v>
      </c>
      <c r="R85">
        <v>1039.8</v>
      </c>
      <c r="S85">
        <v>195</v>
      </c>
      <c r="U85">
        <v>83</v>
      </c>
      <c r="V85">
        <v>875.3</v>
      </c>
      <c r="W85">
        <v>368</v>
      </c>
      <c r="Y85">
        <v>83</v>
      </c>
      <c r="Z85">
        <v>1418.4</v>
      </c>
      <c r="AA85">
        <v>151</v>
      </c>
      <c r="AC85">
        <v>83</v>
      </c>
      <c r="AD85">
        <v>1531.8</v>
      </c>
      <c r="AE85">
        <v>216</v>
      </c>
      <c r="AG85">
        <v>83</v>
      </c>
      <c r="AH85">
        <v>619.20000000000005</v>
      </c>
      <c r="AI85">
        <v>1402</v>
      </c>
      <c r="AK85">
        <v>83</v>
      </c>
      <c r="AL85">
        <v>1524.5</v>
      </c>
      <c r="AM85">
        <v>266</v>
      </c>
      <c r="AO85">
        <v>83</v>
      </c>
      <c r="AP85">
        <v>598.70000000000005</v>
      </c>
      <c r="AQ85">
        <v>2493</v>
      </c>
      <c r="AS85">
        <v>83</v>
      </c>
      <c r="AT85">
        <v>651.70000000000005</v>
      </c>
      <c r="AU85">
        <v>121</v>
      </c>
      <c r="AW85">
        <v>83</v>
      </c>
      <c r="AX85">
        <v>839.3</v>
      </c>
      <c r="AY85">
        <v>156</v>
      </c>
      <c r="BA85">
        <v>83</v>
      </c>
      <c r="BB85">
        <v>650.20000000000005</v>
      </c>
      <c r="BC85">
        <v>1358</v>
      </c>
      <c r="BE85">
        <v>83</v>
      </c>
      <c r="BF85">
        <v>743.8</v>
      </c>
      <c r="BG85">
        <v>226</v>
      </c>
      <c r="BI85">
        <v>83</v>
      </c>
      <c r="BJ85">
        <v>1709.6</v>
      </c>
      <c r="BK85">
        <v>456</v>
      </c>
    </row>
    <row r="86" spans="5:63" x14ac:dyDescent="0.25">
      <c r="E86">
        <v>84</v>
      </c>
      <c r="F86">
        <v>751.7</v>
      </c>
      <c r="G86">
        <v>708</v>
      </c>
      <c r="I86">
        <v>84</v>
      </c>
      <c r="J86">
        <v>661.3</v>
      </c>
      <c r="K86">
        <v>211</v>
      </c>
      <c r="M86">
        <v>84</v>
      </c>
      <c r="N86">
        <v>824.2</v>
      </c>
      <c r="O86">
        <v>277</v>
      </c>
      <c r="Q86">
        <v>84</v>
      </c>
      <c r="R86">
        <v>1040.0999999999999</v>
      </c>
      <c r="S86">
        <v>186</v>
      </c>
      <c r="U86">
        <v>84</v>
      </c>
      <c r="V86">
        <v>875.8</v>
      </c>
      <c r="W86">
        <v>637</v>
      </c>
      <c r="Y86">
        <v>84</v>
      </c>
      <c r="Z86">
        <v>1420.5</v>
      </c>
      <c r="AA86">
        <v>145</v>
      </c>
      <c r="AC86">
        <v>84</v>
      </c>
      <c r="AD86">
        <v>1628.5</v>
      </c>
      <c r="AE86">
        <v>604</v>
      </c>
      <c r="AG86">
        <v>84</v>
      </c>
      <c r="AH86">
        <v>619.79999999999995</v>
      </c>
      <c r="AI86">
        <v>1178</v>
      </c>
      <c r="AK86">
        <v>84</v>
      </c>
      <c r="AL86">
        <v>1525.5</v>
      </c>
      <c r="AM86">
        <v>288</v>
      </c>
      <c r="AO86">
        <v>84</v>
      </c>
      <c r="AP86">
        <v>599.29999999999995</v>
      </c>
      <c r="AQ86">
        <v>2686</v>
      </c>
      <c r="AS86">
        <v>84</v>
      </c>
      <c r="AT86">
        <v>656.2</v>
      </c>
      <c r="AU86">
        <v>303</v>
      </c>
      <c r="AW86">
        <v>84</v>
      </c>
      <c r="AX86">
        <v>845.8</v>
      </c>
      <c r="AY86">
        <v>1277</v>
      </c>
      <c r="BA86">
        <v>84</v>
      </c>
      <c r="BB86">
        <v>652.1</v>
      </c>
      <c r="BC86">
        <v>474</v>
      </c>
      <c r="BE86">
        <v>84</v>
      </c>
      <c r="BF86">
        <v>744.2</v>
      </c>
      <c r="BG86">
        <v>372</v>
      </c>
      <c r="BI86">
        <v>84</v>
      </c>
      <c r="BJ86">
        <v>1710.2</v>
      </c>
      <c r="BK86">
        <v>144</v>
      </c>
    </row>
    <row r="87" spans="5:63" x14ac:dyDescent="0.25">
      <c r="E87">
        <v>85</v>
      </c>
      <c r="F87">
        <v>753.1</v>
      </c>
      <c r="G87">
        <v>117</v>
      </c>
      <c r="I87">
        <v>85</v>
      </c>
      <c r="J87">
        <v>662.8</v>
      </c>
      <c r="K87">
        <v>181</v>
      </c>
      <c r="M87">
        <v>85</v>
      </c>
      <c r="N87">
        <v>824.8</v>
      </c>
      <c r="O87">
        <v>262</v>
      </c>
      <c r="Q87">
        <v>85</v>
      </c>
      <c r="R87">
        <v>1043</v>
      </c>
      <c r="S87">
        <v>147</v>
      </c>
      <c r="U87">
        <v>85</v>
      </c>
      <c r="V87">
        <v>876.3</v>
      </c>
      <c r="W87">
        <v>101</v>
      </c>
      <c r="Y87">
        <v>85</v>
      </c>
      <c r="Z87">
        <v>1421.5</v>
      </c>
      <c r="AA87">
        <v>190</v>
      </c>
      <c r="AC87">
        <v>85</v>
      </c>
      <c r="AD87">
        <v>1703.8</v>
      </c>
      <c r="AE87">
        <v>278</v>
      </c>
      <c r="AG87">
        <v>85</v>
      </c>
      <c r="AH87">
        <v>620.4</v>
      </c>
      <c r="AI87">
        <v>370</v>
      </c>
      <c r="AK87">
        <v>85</v>
      </c>
      <c r="AL87">
        <v>1529.8</v>
      </c>
      <c r="AM87">
        <v>319</v>
      </c>
      <c r="AO87">
        <v>85</v>
      </c>
      <c r="AP87">
        <v>600.20000000000005</v>
      </c>
      <c r="AQ87">
        <v>991</v>
      </c>
      <c r="AS87">
        <v>85</v>
      </c>
      <c r="AT87">
        <v>664.6</v>
      </c>
      <c r="AU87">
        <v>377</v>
      </c>
      <c r="AW87">
        <v>85</v>
      </c>
      <c r="AX87">
        <v>846.3</v>
      </c>
      <c r="AY87">
        <v>1060</v>
      </c>
      <c r="BA87">
        <v>85</v>
      </c>
      <c r="BB87">
        <v>652.4</v>
      </c>
      <c r="BC87">
        <v>834</v>
      </c>
      <c r="BE87">
        <v>85</v>
      </c>
      <c r="BF87">
        <v>744.6</v>
      </c>
      <c r="BG87">
        <v>129</v>
      </c>
      <c r="BI87">
        <v>85</v>
      </c>
      <c r="BJ87">
        <v>1710.6</v>
      </c>
      <c r="BK87">
        <v>387</v>
      </c>
    </row>
    <row r="88" spans="5:63" x14ac:dyDescent="0.25">
      <c r="E88">
        <v>86</v>
      </c>
      <c r="F88">
        <v>759.7</v>
      </c>
      <c r="G88">
        <v>232</v>
      </c>
      <c r="I88">
        <v>86</v>
      </c>
      <c r="J88">
        <v>670.2</v>
      </c>
      <c r="K88">
        <v>1616</v>
      </c>
      <c r="M88">
        <v>86</v>
      </c>
      <c r="N88">
        <v>831.9</v>
      </c>
      <c r="O88">
        <v>177</v>
      </c>
      <c r="Q88">
        <v>86</v>
      </c>
      <c r="R88">
        <v>1043.3</v>
      </c>
      <c r="S88">
        <v>145</v>
      </c>
      <c r="U88">
        <v>86</v>
      </c>
      <c r="V88">
        <v>876.5</v>
      </c>
      <c r="W88">
        <v>128</v>
      </c>
      <c r="Y88">
        <v>86</v>
      </c>
      <c r="Z88">
        <v>1443</v>
      </c>
      <c r="AA88">
        <v>135</v>
      </c>
      <c r="AC88">
        <v>86</v>
      </c>
      <c r="AD88">
        <v>1708.7</v>
      </c>
      <c r="AE88">
        <v>310</v>
      </c>
      <c r="AG88">
        <v>86</v>
      </c>
      <c r="AH88">
        <v>621.70000000000005</v>
      </c>
      <c r="AI88">
        <v>1322</v>
      </c>
      <c r="AK88">
        <v>86</v>
      </c>
      <c r="AL88">
        <v>1549.6</v>
      </c>
      <c r="AM88">
        <v>302</v>
      </c>
      <c r="AO88">
        <v>86</v>
      </c>
      <c r="AP88">
        <v>607.70000000000005</v>
      </c>
      <c r="AQ88">
        <v>4316</v>
      </c>
      <c r="AS88">
        <v>86</v>
      </c>
      <c r="AT88">
        <v>664.9</v>
      </c>
      <c r="AU88">
        <v>159</v>
      </c>
      <c r="AW88">
        <v>86</v>
      </c>
      <c r="AX88">
        <v>846.8</v>
      </c>
      <c r="AY88">
        <v>365</v>
      </c>
      <c r="BA88">
        <v>86</v>
      </c>
      <c r="BB88">
        <v>653.29999999999995</v>
      </c>
      <c r="BC88">
        <v>807</v>
      </c>
      <c r="BE88">
        <v>86</v>
      </c>
      <c r="BF88">
        <v>745.4</v>
      </c>
      <c r="BG88">
        <v>242</v>
      </c>
      <c r="BI88">
        <v>86</v>
      </c>
      <c r="BJ88">
        <v>1711.6</v>
      </c>
      <c r="BK88">
        <v>163</v>
      </c>
    </row>
    <row r="89" spans="5:63" x14ac:dyDescent="0.25">
      <c r="E89">
        <v>87</v>
      </c>
      <c r="F89">
        <v>766.4</v>
      </c>
      <c r="G89">
        <v>186</v>
      </c>
      <c r="I89">
        <v>87</v>
      </c>
      <c r="J89">
        <v>671.2</v>
      </c>
      <c r="K89">
        <v>870</v>
      </c>
      <c r="M89">
        <v>87</v>
      </c>
      <c r="N89">
        <v>832.3</v>
      </c>
      <c r="O89">
        <v>404</v>
      </c>
      <c r="Q89">
        <v>87</v>
      </c>
      <c r="R89">
        <v>1068.4000000000001</v>
      </c>
      <c r="S89">
        <v>211</v>
      </c>
      <c r="U89">
        <v>87</v>
      </c>
      <c r="V89">
        <v>878.3</v>
      </c>
      <c r="W89">
        <v>152</v>
      </c>
      <c r="Y89">
        <v>87</v>
      </c>
      <c r="Z89">
        <v>1447</v>
      </c>
      <c r="AA89">
        <v>222</v>
      </c>
      <c r="AC89">
        <v>87</v>
      </c>
      <c r="AD89">
        <v>1709.5</v>
      </c>
      <c r="AE89">
        <v>392</v>
      </c>
      <c r="AG89">
        <v>87</v>
      </c>
      <c r="AH89">
        <v>628.20000000000005</v>
      </c>
      <c r="AI89">
        <v>2124</v>
      </c>
      <c r="AK89">
        <v>87</v>
      </c>
      <c r="AL89">
        <v>1567.6</v>
      </c>
      <c r="AM89">
        <v>1071</v>
      </c>
      <c r="AO89">
        <v>87</v>
      </c>
      <c r="AP89">
        <v>608.1</v>
      </c>
      <c r="AQ89">
        <v>3509</v>
      </c>
      <c r="AS89">
        <v>87</v>
      </c>
      <c r="AT89">
        <v>665.2</v>
      </c>
      <c r="AU89">
        <v>152</v>
      </c>
      <c r="AW89">
        <v>87</v>
      </c>
      <c r="AX89">
        <v>854.8</v>
      </c>
      <c r="AY89">
        <v>1174</v>
      </c>
      <c r="BA89">
        <v>87</v>
      </c>
      <c r="BB89">
        <v>654.29999999999995</v>
      </c>
      <c r="BC89">
        <v>745</v>
      </c>
      <c r="BE89">
        <v>87</v>
      </c>
      <c r="BF89">
        <v>745.8</v>
      </c>
      <c r="BG89">
        <v>184</v>
      </c>
      <c r="BI89">
        <v>87</v>
      </c>
      <c r="BJ89">
        <v>1712.8</v>
      </c>
      <c r="BK89">
        <v>109</v>
      </c>
    </row>
    <row r="90" spans="5:63" x14ac:dyDescent="0.25">
      <c r="E90">
        <v>88</v>
      </c>
      <c r="F90">
        <v>766.8</v>
      </c>
      <c r="G90">
        <v>228</v>
      </c>
      <c r="I90">
        <v>88</v>
      </c>
      <c r="J90">
        <v>672.4</v>
      </c>
      <c r="K90">
        <v>135</v>
      </c>
      <c r="M90">
        <v>88</v>
      </c>
      <c r="N90">
        <v>832.9</v>
      </c>
      <c r="O90">
        <v>663</v>
      </c>
      <c r="Q90">
        <v>88</v>
      </c>
      <c r="R90">
        <v>1136.3</v>
      </c>
      <c r="S90">
        <v>198</v>
      </c>
      <c r="U90">
        <v>88</v>
      </c>
      <c r="V90">
        <v>884.3</v>
      </c>
      <c r="W90">
        <v>3700</v>
      </c>
      <c r="Y90">
        <v>88</v>
      </c>
      <c r="Z90">
        <v>1461.7</v>
      </c>
      <c r="AA90">
        <v>210</v>
      </c>
      <c r="AC90">
        <v>88</v>
      </c>
      <c r="AD90">
        <v>1752.6</v>
      </c>
      <c r="AE90">
        <v>219</v>
      </c>
      <c r="AG90">
        <v>88</v>
      </c>
      <c r="AH90">
        <v>628.6</v>
      </c>
      <c r="AI90">
        <v>1157</v>
      </c>
      <c r="AK90">
        <v>88</v>
      </c>
      <c r="AL90">
        <v>1568.7</v>
      </c>
      <c r="AM90">
        <v>453</v>
      </c>
      <c r="AO90">
        <v>88</v>
      </c>
      <c r="AP90">
        <v>608.4</v>
      </c>
      <c r="AQ90">
        <v>2431</v>
      </c>
      <c r="AS90">
        <v>88</v>
      </c>
      <c r="AT90">
        <v>668</v>
      </c>
      <c r="AU90">
        <v>139</v>
      </c>
      <c r="AW90">
        <v>88</v>
      </c>
      <c r="AX90">
        <v>855.3</v>
      </c>
      <c r="AY90">
        <v>860</v>
      </c>
      <c r="BA90">
        <v>88</v>
      </c>
      <c r="BB90">
        <v>663.8</v>
      </c>
      <c r="BC90">
        <v>748</v>
      </c>
      <c r="BE90">
        <v>88</v>
      </c>
      <c r="BF90">
        <v>748.2</v>
      </c>
      <c r="BG90">
        <v>317</v>
      </c>
      <c r="BI90">
        <v>88</v>
      </c>
      <c r="BJ90">
        <v>1713.3</v>
      </c>
      <c r="BK90">
        <v>138</v>
      </c>
    </row>
    <row r="91" spans="5:63" x14ac:dyDescent="0.25">
      <c r="E91">
        <v>89</v>
      </c>
      <c r="F91">
        <v>771.1</v>
      </c>
      <c r="G91">
        <v>105</v>
      </c>
      <c r="I91">
        <v>89</v>
      </c>
      <c r="J91">
        <v>677.8</v>
      </c>
      <c r="K91">
        <v>109</v>
      </c>
      <c r="M91">
        <v>89</v>
      </c>
      <c r="N91">
        <v>849.1</v>
      </c>
      <c r="O91">
        <v>154</v>
      </c>
      <c r="Q91">
        <v>89</v>
      </c>
      <c r="R91">
        <v>1201.4000000000001</v>
      </c>
      <c r="S91">
        <v>204</v>
      </c>
      <c r="U91">
        <v>89</v>
      </c>
      <c r="V91">
        <v>884.8</v>
      </c>
      <c r="W91">
        <v>2434</v>
      </c>
      <c r="Y91">
        <v>89</v>
      </c>
      <c r="Z91">
        <v>1462.4</v>
      </c>
      <c r="AA91">
        <v>400</v>
      </c>
      <c r="AC91">
        <v>89</v>
      </c>
      <c r="AD91">
        <v>1755.7</v>
      </c>
      <c r="AE91">
        <v>593</v>
      </c>
      <c r="AG91">
        <v>89</v>
      </c>
      <c r="AH91">
        <v>628.79999999999995</v>
      </c>
      <c r="AI91">
        <v>2162</v>
      </c>
      <c r="AK91">
        <v>89</v>
      </c>
      <c r="AL91">
        <v>1569.8</v>
      </c>
      <c r="AM91">
        <v>804</v>
      </c>
      <c r="AO91">
        <v>89</v>
      </c>
      <c r="AP91">
        <v>608.70000000000005</v>
      </c>
      <c r="AQ91">
        <v>2362</v>
      </c>
      <c r="AS91">
        <v>89</v>
      </c>
      <c r="AT91">
        <v>670.1</v>
      </c>
      <c r="AU91">
        <v>119</v>
      </c>
      <c r="AW91">
        <v>89</v>
      </c>
      <c r="AX91">
        <v>856.2</v>
      </c>
      <c r="AY91">
        <v>965</v>
      </c>
      <c r="BA91">
        <v>89</v>
      </c>
      <c r="BB91">
        <v>667.3</v>
      </c>
      <c r="BC91">
        <v>1178</v>
      </c>
      <c r="BE91">
        <v>89</v>
      </c>
      <c r="BF91">
        <v>749.4</v>
      </c>
      <c r="BG91">
        <v>198</v>
      </c>
      <c r="BI91">
        <v>89</v>
      </c>
      <c r="BJ91">
        <v>1713.7</v>
      </c>
      <c r="BK91">
        <v>378</v>
      </c>
    </row>
    <row r="92" spans="5:63" x14ac:dyDescent="0.25">
      <c r="E92">
        <v>90</v>
      </c>
      <c r="F92">
        <v>772.4</v>
      </c>
      <c r="G92">
        <v>337</v>
      </c>
      <c r="I92">
        <v>90</v>
      </c>
      <c r="J92">
        <v>679.1</v>
      </c>
      <c r="K92">
        <v>928</v>
      </c>
      <c r="M92">
        <v>90</v>
      </c>
      <c r="N92">
        <v>849.7</v>
      </c>
      <c r="O92">
        <v>240</v>
      </c>
      <c r="Q92">
        <v>90</v>
      </c>
      <c r="R92">
        <v>1203.5</v>
      </c>
      <c r="S92">
        <v>107</v>
      </c>
      <c r="U92">
        <v>90</v>
      </c>
      <c r="V92">
        <v>885.4</v>
      </c>
      <c r="W92">
        <v>2800</v>
      </c>
      <c r="Y92">
        <v>90</v>
      </c>
      <c r="Z92">
        <v>1464.5</v>
      </c>
      <c r="AA92">
        <v>297</v>
      </c>
      <c r="AC92">
        <v>90</v>
      </c>
      <c r="AD92">
        <v>1756.9</v>
      </c>
      <c r="AE92">
        <v>536</v>
      </c>
      <c r="AG92">
        <v>90</v>
      </c>
      <c r="AH92">
        <v>629.1</v>
      </c>
      <c r="AI92">
        <v>1026</v>
      </c>
      <c r="AK92">
        <v>90</v>
      </c>
      <c r="AL92">
        <v>1609</v>
      </c>
      <c r="AM92">
        <v>146</v>
      </c>
      <c r="AO92">
        <v>90</v>
      </c>
      <c r="AP92">
        <v>609.20000000000005</v>
      </c>
      <c r="AQ92">
        <v>1027</v>
      </c>
      <c r="AS92">
        <v>90</v>
      </c>
      <c r="AT92">
        <v>670.7</v>
      </c>
      <c r="AU92">
        <v>875</v>
      </c>
      <c r="AW92">
        <v>90</v>
      </c>
      <c r="AX92">
        <v>856.4</v>
      </c>
      <c r="AY92">
        <v>473</v>
      </c>
      <c r="BA92">
        <v>90</v>
      </c>
      <c r="BB92">
        <v>668.1</v>
      </c>
      <c r="BC92">
        <v>655</v>
      </c>
      <c r="BE92">
        <v>90</v>
      </c>
      <c r="BF92">
        <v>753</v>
      </c>
      <c r="BG92">
        <v>224</v>
      </c>
      <c r="BI92">
        <v>90</v>
      </c>
      <c r="BJ92">
        <v>1714.7</v>
      </c>
      <c r="BK92">
        <v>1159</v>
      </c>
    </row>
    <row r="93" spans="5:63" x14ac:dyDescent="0.25">
      <c r="E93">
        <v>91</v>
      </c>
      <c r="F93">
        <v>773</v>
      </c>
      <c r="G93">
        <v>263</v>
      </c>
      <c r="I93">
        <v>91</v>
      </c>
      <c r="J93">
        <v>679.4</v>
      </c>
      <c r="K93">
        <v>917</v>
      </c>
      <c r="M93">
        <v>91</v>
      </c>
      <c r="N93">
        <v>850.2</v>
      </c>
      <c r="O93">
        <v>117</v>
      </c>
      <c r="Q93">
        <v>91</v>
      </c>
      <c r="R93">
        <v>1207.3</v>
      </c>
      <c r="S93">
        <v>134</v>
      </c>
      <c r="U93">
        <v>91</v>
      </c>
      <c r="V93">
        <v>885.9</v>
      </c>
      <c r="W93">
        <v>333</v>
      </c>
      <c r="Y93">
        <v>91</v>
      </c>
      <c r="Z93">
        <v>1479.7</v>
      </c>
      <c r="AA93">
        <v>543</v>
      </c>
      <c r="AC93">
        <v>91</v>
      </c>
      <c r="AD93">
        <v>1829.8</v>
      </c>
      <c r="AE93">
        <v>546</v>
      </c>
      <c r="AG93">
        <v>91</v>
      </c>
      <c r="AH93">
        <v>629.70000000000005</v>
      </c>
      <c r="AI93">
        <v>11511</v>
      </c>
      <c r="AK93">
        <v>91</v>
      </c>
      <c r="AL93">
        <v>1626.3</v>
      </c>
      <c r="AM93">
        <v>247</v>
      </c>
      <c r="AO93">
        <v>91</v>
      </c>
      <c r="AP93">
        <v>609.70000000000005</v>
      </c>
      <c r="AQ93">
        <v>473</v>
      </c>
      <c r="AS93">
        <v>91</v>
      </c>
      <c r="AT93">
        <v>675.6</v>
      </c>
      <c r="AU93">
        <v>154</v>
      </c>
      <c r="AW93">
        <v>91</v>
      </c>
      <c r="AX93">
        <v>856.8</v>
      </c>
      <c r="AY93">
        <v>269</v>
      </c>
      <c r="BA93">
        <v>91</v>
      </c>
      <c r="BB93">
        <v>670.1</v>
      </c>
      <c r="BC93">
        <v>1458</v>
      </c>
      <c r="BE93">
        <v>91</v>
      </c>
      <c r="BF93">
        <v>753.3</v>
      </c>
      <c r="BG93">
        <v>685</v>
      </c>
      <c r="BI93">
        <v>91</v>
      </c>
      <c r="BJ93">
        <v>1715.7</v>
      </c>
      <c r="BK93">
        <v>365</v>
      </c>
    </row>
    <row r="94" spans="5:63" x14ac:dyDescent="0.25">
      <c r="E94">
        <v>92</v>
      </c>
      <c r="F94">
        <v>802.3</v>
      </c>
      <c r="G94">
        <v>416</v>
      </c>
      <c r="I94">
        <v>92</v>
      </c>
      <c r="J94">
        <v>680.5</v>
      </c>
      <c r="K94">
        <v>400</v>
      </c>
      <c r="M94">
        <v>92</v>
      </c>
      <c r="N94">
        <v>853.8</v>
      </c>
      <c r="O94">
        <v>178</v>
      </c>
      <c r="Q94">
        <v>92</v>
      </c>
      <c r="R94">
        <v>1224.4000000000001</v>
      </c>
      <c r="S94">
        <v>126</v>
      </c>
      <c r="U94">
        <v>92</v>
      </c>
      <c r="V94">
        <v>886.4</v>
      </c>
      <c r="W94">
        <v>508</v>
      </c>
      <c r="AC94">
        <v>92</v>
      </c>
      <c r="AD94">
        <v>1830.6</v>
      </c>
      <c r="AE94">
        <v>211</v>
      </c>
      <c r="AG94">
        <v>92</v>
      </c>
      <c r="AH94">
        <v>630.20000000000005</v>
      </c>
      <c r="AI94">
        <v>6508</v>
      </c>
      <c r="AK94">
        <v>92</v>
      </c>
      <c r="AL94">
        <v>1650.4</v>
      </c>
      <c r="AM94">
        <v>369</v>
      </c>
      <c r="AO94">
        <v>92</v>
      </c>
      <c r="AP94">
        <v>609.9</v>
      </c>
      <c r="AQ94">
        <v>276</v>
      </c>
      <c r="AS94">
        <v>92</v>
      </c>
      <c r="AT94">
        <v>681.1</v>
      </c>
      <c r="AU94">
        <v>426</v>
      </c>
      <c r="AW94">
        <v>92</v>
      </c>
      <c r="AX94">
        <v>857.4</v>
      </c>
      <c r="AY94">
        <v>660</v>
      </c>
      <c r="BA94">
        <v>92</v>
      </c>
      <c r="BB94">
        <v>670.4</v>
      </c>
      <c r="BC94">
        <v>2573</v>
      </c>
      <c r="BE94">
        <v>92</v>
      </c>
      <c r="BF94">
        <v>753.8</v>
      </c>
      <c r="BG94">
        <v>655</v>
      </c>
      <c r="BI94">
        <v>92</v>
      </c>
      <c r="BJ94">
        <v>1716.8</v>
      </c>
      <c r="BK94">
        <v>106</v>
      </c>
    </row>
    <row r="95" spans="5:63" x14ac:dyDescent="0.25">
      <c r="E95">
        <v>93</v>
      </c>
      <c r="F95">
        <v>802.7</v>
      </c>
      <c r="G95">
        <v>167</v>
      </c>
      <c r="I95">
        <v>93</v>
      </c>
      <c r="J95">
        <v>681.2</v>
      </c>
      <c r="K95">
        <v>496</v>
      </c>
      <c r="M95">
        <v>93</v>
      </c>
      <c r="N95">
        <v>859.2</v>
      </c>
      <c r="O95">
        <v>233</v>
      </c>
      <c r="Q95">
        <v>93</v>
      </c>
      <c r="R95">
        <v>1226.4000000000001</v>
      </c>
      <c r="S95">
        <v>190</v>
      </c>
      <c r="U95">
        <v>93</v>
      </c>
      <c r="V95">
        <v>886.6</v>
      </c>
      <c r="W95">
        <v>179</v>
      </c>
      <c r="AC95">
        <v>93</v>
      </c>
      <c r="AD95">
        <v>1896.5</v>
      </c>
      <c r="AE95">
        <v>220</v>
      </c>
      <c r="AG95">
        <v>93</v>
      </c>
      <c r="AH95">
        <v>630.70000000000005</v>
      </c>
      <c r="AI95">
        <v>840</v>
      </c>
      <c r="AK95">
        <v>93</v>
      </c>
      <c r="AL95">
        <v>1651.8</v>
      </c>
      <c r="AM95">
        <v>434</v>
      </c>
      <c r="AO95">
        <v>93</v>
      </c>
      <c r="AP95">
        <v>616.20000000000005</v>
      </c>
      <c r="AQ95">
        <v>763</v>
      </c>
      <c r="AS95">
        <v>93</v>
      </c>
      <c r="AT95">
        <v>688.3</v>
      </c>
      <c r="AU95">
        <v>435</v>
      </c>
      <c r="AW95">
        <v>93</v>
      </c>
      <c r="AX95">
        <v>857.8</v>
      </c>
      <c r="AY95">
        <v>547</v>
      </c>
      <c r="BA95">
        <v>93</v>
      </c>
      <c r="BB95">
        <v>671.3</v>
      </c>
      <c r="BC95">
        <v>1015</v>
      </c>
      <c r="BE95">
        <v>93</v>
      </c>
      <c r="BF95">
        <v>754.3</v>
      </c>
      <c r="BG95">
        <v>1967</v>
      </c>
      <c r="BI95">
        <v>93</v>
      </c>
      <c r="BJ95">
        <v>1729.6</v>
      </c>
      <c r="BK95">
        <v>317</v>
      </c>
    </row>
    <row r="96" spans="5:63" x14ac:dyDescent="0.25">
      <c r="E96">
        <v>94</v>
      </c>
      <c r="F96">
        <v>803.2</v>
      </c>
      <c r="G96">
        <v>202</v>
      </c>
      <c r="I96">
        <v>94</v>
      </c>
      <c r="J96">
        <v>687.3</v>
      </c>
      <c r="K96">
        <v>131</v>
      </c>
      <c r="M96">
        <v>94</v>
      </c>
      <c r="N96">
        <v>860.4</v>
      </c>
      <c r="O96">
        <v>267</v>
      </c>
      <c r="Q96">
        <v>94</v>
      </c>
      <c r="R96">
        <v>1232.4000000000001</v>
      </c>
      <c r="S96">
        <v>132</v>
      </c>
      <c r="U96">
        <v>94</v>
      </c>
      <c r="V96">
        <v>887.9</v>
      </c>
      <c r="W96">
        <v>162</v>
      </c>
      <c r="AC96">
        <v>94</v>
      </c>
      <c r="AD96">
        <v>1899.8</v>
      </c>
      <c r="AE96">
        <v>192</v>
      </c>
      <c r="AG96">
        <v>94</v>
      </c>
      <c r="AH96">
        <v>631.29999999999995</v>
      </c>
      <c r="AI96">
        <v>1304</v>
      </c>
      <c r="AK96">
        <v>94</v>
      </c>
      <c r="AL96">
        <v>1693.7</v>
      </c>
      <c r="AM96">
        <v>410</v>
      </c>
      <c r="AO96">
        <v>94</v>
      </c>
      <c r="AP96">
        <v>619.20000000000005</v>
      </c>
      <c r="AQ96">
        <v>563</v>
      </c>
      <c r="AS96">
        <v>94</v>
      </c>
      <c r="AT96">
        <v>688.9</v>
      </c>
      <c r="AU96">
        <v>310</v>
      </c>
      <c r="AW96">
        <v>94</v>
      </c>
      <c r="AX96">
        <v>865.2</v>
      </c>
      <c r="AY96">
        <v>172</v>
      </c>
      <c r="BA96">
        <v>94</v>
      </c>
      <c r="BB96">
        <v>672.3</v>
      </c>
      <c r="BC96">
        <v>1091</v>
      </c>
      <c r="BE96">
        <v>94</v>
      </c>
      <c r="BF96">
        <v>755.3</v>
      </c>
      <c r="BG96">
        <v>128</v>
      </c>
      <c r="BI96">
        <v>94</v>
      </c>
      <c r="BJ96">
        <v>1735.8</v>
      </c>
      <c r="BK96">
        <v>154</v>
      </c>
    </row>
    <row r="97" spans="5:63" x14ac:dyDescent="0.25">
      <c r="E97">
        <v>95</v>
      </c>
      <c r="F97">
        <v>804.3</v>
      </c>
      <c r="G97">
        <v>326</v>
      </c>
      <c r="I97">
        <v>95</v>
      </c>
      <c r="J97">
        <v>688.3</v>
      </c>
      <c r="K97">
        <v>160</v>
      </c>
      <c r="M97">
        <v>95</v>
      </c>
      <c r="N97">
        <v>862.4</v>
      </c>
      <c r="O97">
        <v>254</v>
      </c>
      <c r="Q97">
        <v>95</v>
      </c>
      <c r="R97">
        <v>1261.5999999999999</v>
      </c>
      <c r="S97">
        <v>240</v>
      </c>
      <c r="U97">
        <v>95</v>
      </c>
      <c r="V97">
        <v>890.2</v>
      </c>
      <c r="W97">
        <v>241</v>
      </c>
      <c r="AC97">
        <v>95</v>
      </c>
      <c r="AD97">
        <v>1912.6</v>
      </c>
      <c r="AE97">
        <v>603</v>
      </c>
      <c r="AG97">
        <v>95</v>
      </c>
      <c r="AH97">
        <v>646.29999999999995</v>
      </c>
      <c r="AI97">
        <v>159</v>
      </c>
      <c r="AK97">
        <v>95</v>
      </c>
      <c r="AL97">
        <v>1709.6</v>
      </c>
      <c r="AM97">
        <v>882</v>
      </c>
      <c r="AO97">
        <v>95</v>
      </c>
      <c r="AP97">
        <v>621.70000000000005</v>
      </c>
      <c r="AQ97">
        <v>614</v>
      </c>
      <c r="AS97">
        <v>95</v>
      </c>
      <c r="AT97">
        <v>699.8</v>
      </c>
      <c r="AU97">
        <v>278</v>
      </c>
      <c r="AW97">
        <v>95</v>
      </c>
      <c r="AX97">
        <v>875.9</v>
      </c>
      <c r="AY97">
        <v>4452</v>
      </c>
      <c r="BA97">
        <v>95</v>
      </c>
      <c r="BB97">
        <v>673</v>
      </c>
      <c r="BC97">
        <v>296</v>
      </c>
      <c r="BE97">
        <v>95</v>
      </c>
      <c r="BF97">
        <v>758.3</v>
      </c>
      <c r="BG97">
        <v>406</v>
      </c>
      <c r="BI97">
        <v>95</v>
      </c>
      <c r="BJ97">
        <v>1745.9</v>
      </c>
      <c r="BK97">
        <v>151</v>
      </c>
    </row>
    <row r="98" spans="5:63" x14ac:dyDescent="0.25">
      <c r="E98">
        <v>96</v>
      </c>
      <c r="F98">
        <v>804.9</v>
      </c>
      <c r="G98">
        <v>624</v>
      </c>
      <c r="I98">
        <v>96</v>
      </c>
      <c r="J98">
        <v>690.2</v>
      </c>
      <c r="K98">
        <v>290</v>
      </c>
      <c r="M98">
        <v>96</v>
      </c>
      <c r="N98">
        <v>863.4</v>
      </c>
      <c r="O98">
        <v>310</v>
      </c>
      <c r="Q98">
        <v>96</v>
      </c>
      <c r="R98">
        <v>1300.4000000000001</v>
      </c>
      <c r="S98">
        <v>183</v>
      </c>
      <c r="U98">
        <v>96</v>
      </c>
      <c r="V98">
        <v>897.3</v>
      </c>
      <c r="W98">
        <v>259</v>
      </c>
      <c r="AC98">
        <v>96</v>
      </c>
      <c r="AD98">
        <v>1912.9</v>
      </c>
      <c r="AE98">
        <v>637</v>
      </c>
      <c r="AG98">
        <v>96</v>
      </c>
      <c r="AH98">
        <v>649.20000000000005</v>
      </c>
      <c r="AI98">
        <v>7595</v>
      </c>
      <c r="AK98">
        <v>96</v>
      </c>
      <c r="AL98">
        <v>1710.7</v>
      </c>
      <c r="AM98">
        <v>482</v>
      </c>
      <c r="AO98">
        <v>96</v>
      </c>
      <c r="AP98">
        <v>628.20000000000005</v>
      </c>
      <c r="AQ98">
        <v>1344</v>
      </c>
      <c r="AS98">
        <v>96</v>
      </c>
      <c r="AT98">
        <v>700.2</v>
      </c>
      <c r="AU98">
        <v>248</v>
      </c>
      <c r="AW98">
        <v>96</v>
      </c>
      <c r="AX98">
        <v>876.3</v>
      </c>
      <c r="AY98">
        <v>3202</v>
      </c>
      <c r="BA98">
        <v>96</v>
      </c>
      <c r="BB98">
        <v>678.8</v>
      </c>
      <c r="BC98">
        <v>302</v>
      </c>
      <c r="BE98">
        <v>96</v>
      </c>
      <c r="BF98">
        <v>761.7</v>
      </c>
      <c r="BG98">
        <v>927</v>
      </c>
      <c r="BI98">
        <v>96</v>
      </c>
      <c r="BJ98">
        <v>1755.5</v>
      </c>
      <c r="BK98">
        <v>136</v>
      </c>
    </row>
    <row r="99" spans="5:63" x14ac:dyDescent="0.25">
      <c r="E99">
        <v>97</v>
      </c>
      <c r="F99">
        <v>813.9</v>
      </c>
      <c r="G99">
        <v>150</v>
      </c>
      <c r="I99">
        <v>97</v>
      </c>
      <c r="J99">
        <v>691.3</v>
      </c>
      <c r="K99">
        <v>178</v>
      </c>
      <c r="M99">
        <v>97</v>
      </c>
      <c r="N99">
        <v>864.3</v>
      </c>
      <c r="O99">
        <v>125</v>
      </c>
      <c r="Q99">
        <v>97</v>
      </c>
      <c r="R99">
        <v>1330.5</v>
      </c>
      <c r="S99">
        <v>493</v>
      </c>
      <c r="U99">
        <v>97</v>
      </c>
      <c r="V99">
        <v>904</v>
      </c>
      <c r="W99">
        <v>196</v>
      </c>
      <c r="AC99">
        <v>97</v>
      </c>
      <c r="AD99">
        <v>1913.8</v>
      </c>
      <c r="AE99">
        <v>659</v>
      </c>
      <c r="AG99">
        <v>97</v>
      </c>
      <c r="AH99">
        <v>649.70000000000005</v>
      </c>
      <c r="AI99">
        <v>3640</v>
      </c>
      <c r="AK99">
        <v>97</v>
      </c>
      <c r="AL99">
        <v>1711.6</v>
      </c>
      <c r="AM99">
        <v>485</v>
      </c>
      <c r="AO99">
        <v>97</v>
      </c>
      <c r="AP99">
        <v>628.70000000000005</v>
      </c>
      <c r="AQ99">
        <v>9615</v>
      </c>
      <c r="AS99">
        <v>97</v>
      </c>
      <c r="AT99">
        <v>700.6</v>
      </c>
      <c r="AU99">
        <v>228</v>
      </c>
      <c r="AW99">
        <v>97</v>
      </c>
      <c r="AX99">
        <v>876.9</v>
      </c>
      <c r="AY99">
        <v>1291</v>
      </c>
      <c r="BA99">
        <v>97</v>
      </c>
      <c r="BB99">
        <v>679.3</v>
      </c>
      <c r="BC99">
        <v>420</v>
      </c>
      <c r="BE99">
        <v>97</v>
      </c>
      <c r="BF99">
        <v>762.8</v>
      </c>
      <c r="BG99">
        <v>133</v>
      </c>
      <c r="BI99">
        <v>97</v>
      </c>
      <c r="BJ99">
        <v>1780.7</v>
      </c>
      <c r="BK99">
        <v>181</v>
      </c>
    </row>
    <row r="100" spans="5:63" x14ac:dyDescent="0.25">
      <c r="E100">
        <v>98</v>
      </c>
      <c r="F100">
        <v>814.9</v>
      </c>
      <c r="G100">
        <v>187</v>
      </c>
      <c r="I100">
        <v>98</v>
      </c>
      <c r="J100">
        <v>695.3</v>
      </c>
      <c r="K100">
        <v>127</v>
      </c>
      <c r="M100">
        <v>98</v>
      </c>
      <c r="N100">
        <v>874.8</v>
      </c>
      <c r="O100">
        <v>128</v>
      </c>
      <c r="Q100">
        <v>98</v>
      </c>
      <c r="R100">
        <v>1344.2</v>
      </c>
      <c r="S100">
        <v>380</v>
      </c>
      <c r="U100">
        <v>98</v>
      </c>
      <c r="V100">
        <v>905.4</v>
      </c>
      <c r="W100">
        <v>141</v>
      </c>
      <c r="AC100">
        <v>98</v>
      </c>
      <c r="AD100">
        <v>1916.6</v>
      </c>
      <c r="AE100">
        <v>1172</v>
      </c>
      <c r="AG100">
        <v>98</v>
      </c>
      <c r="AH100">
        <v>650.1</v>
      </c>
      <c r="AI100">
        <v>630</v>
      </c>
      <c r="AK100">
        <v>98</v>
      </c>
      <c r="AL100">
        <v>1752.7</v>
      </c>
      <c r="AM100">
        <v>419</v>
      </c>
      <c r="AO100">
        <v>98</v>
      </c>
      <c r="AP100">
        <v>629.20000000000005</v>
      </c>
      <c r="AQ100">
        <v>4511</v>
      </c>
      <c r="AS100">
        <v>98</v>
      </c>
      <c r="AT100">
        <v>700.8</v>
      </c>
      <c r="AU100">
        <v>115</v>
      </c>
      <c r="AW100">
        <v>98</v>
      </c>
      <c r="AX100">
        <v>877.3</v>
      </c>
      <c r="AY100">
        <v>640</v>
      </c>
      <c r="BA100">
        <v>98</v>
      </c>
      <c r="BB100">
        <v>680.8</v>
      </c>
      <c r="BC100">
        <v>192</v>
      </c>
      <c r="BE100">
        <v>98</v>
      </c>
      <c r="BF100">
        <v>763.1</v>
      </c>
      <c r="BG100">
        <v>103</v>
      </c>
      <c r="BI100">
        <v>98</v>
      </c>
      <c r="BJ100">
        <v>1787.6</v>
      </c>
      <c r="BK100">
        <v>468</v>
      </c>
    </row>
    <row r="101" spans="5:63" x14ac:dyDescent="0.25">
      <c r="E101">
        <v>99</v>
      </c>
      <c r="F101">
        <v>816.2</v>
      </c>
      <c r="G101">
        <v>231</v>
      </c>
      <c r="I101">
        <v>99</v>
      </c>
      <c r="J101">
        <v>700.2</v>
      </c>
      <c r="K101">
        <v>894</v>
      </c>
      <c r="M101">
        <v>99</v>
      </c>
      <c r="N101">
        <v>875</v>
      </c>
      <c r="O101">
        <v>387</v>
      </c>
      <c r="Q101">
        <v>99</v>
      </c>
      <c r="R101">
        <v>1351.5</v>
      </c>
      <c r="S101">
        <v>290</v>
      </c>
      <c r="U101">
        <v>99</v>
      </c>
      <c r="V101">
        <v>905.8</v>
      </c>
      <c r="W101">
        <v>455</v>
      </c>
      <c r="AC101">
        <v>99</v>
      </c>
      <c r="AD101">
        <v>1917.6</v>
      </c>
      <c r="AE101">
        <v>281</v>
      </c>
      <c r="AG101">
        <v>99</v>
      </c>
      <c r="AH101">
        <v>650.29999999999995</v>
      </c>
      <c r="AI101">
        <v>384</v>
      </c>
      <c r="AO101">
        <v>99</v>
      </c>
      <c r="AP101">
        <v>629.70000000000005</v>
      </c>
      <c r="AQ101">
        <v>5294</v>
      </c>
      <c r="AS101">
        <v>99</v>
      </c>
      <c r="AT101">
        <v>701.4</v>
      </c>
      <c r="AU101">
        <v>1183</v>
      </c>
      <c r="AW101">
        <v>99</v>
      </c>
      <c r="AX101">
        <v>877.9</v>
      </c>
      <c r="AY101">
        <v>266</v>
      </c>
      <c r="BA101">
        <v>99</v>
      </c>
      <c r="BB101">
        <v>682.7</v>
      </c>
      <c r="BC101">
        <v>214</v>
      </c>
      <c r="BE101">
        <v>99</v>
      </c>
      <c r="BF101">
        <v>764.4</v>
      </c>
      <c r="BG101">
        <v>449</v>
      </c>
      <c r="BI101">
        <v>99</v>
      </c>
      <c r="BJ101">
        <v>1787.9</v>
      </c>
      <c r="BK101">
        <v>356</v>
      </c>
    </row>
    <row r="102" spans="5:63" x14ac:dyDescent="0.25">
      <c r="E102">
        <v>100</v>
      </c>
      <c r="F102">
        <v>817</v>
      </c>
      <c r="G102">
        <v>173</v>
      </c>
      <c r="I102">
        <v>100</v>
      </c>
      <c r="J102">
        <v>700.7</v>
      </c>
      <c r="K102">
        <v>125</v>
      </c>
      <c r="M102">
        <v>100</v>
      </c>
      <c r="N102">
        <v>875.2</v>
      </c>
      <c r="O102">
        <v>717</v>
      </c>
      <c r="Q102">
        <v>100</v>
      </c>
      <c r="R102">
        <v>1367.2</v>
      </c>
      <c r="S102">
        <v>155</v>
      </c>
      <c r="U102">
        <v>100</v>
      </c>
      <c r="V102">
        <v>906.4</v>
      </c>
      <c r="W102">
        <v>263</v>
      </c>
      <c r="AC102">
        <v>100</v>
      </c>
      <c r="AD102">
        <v>1918</v>
      </c>
      <c r="AE102">
        <v>109</v>
      </c>
      <c r="AG102">
        <v>100</v>
      </c>
      <c r="AH102">
        <v>650.79999999999995</v>
      </c>
      <c r="AI102">
        <v>727</v>
      </c>
      <c r="AO102">
        <v>100</v>
      </c>
      <c r="AP102">
        <v>630.29999999999995</v>
      </c>
      <c r="AQ102">
        <v>4290</v>
      </c>
      <c r="AS102">
        <v>100</v>
      </c>
      <c r="AT102">
        <v>704.3</v>
      </c>
      <c r="AU102">
        <v>445</v>
      </c>
      <c r="AW102">
        <v>100</v>
      </c>
      <c r="AX102">
        <v>884.8</v>
      </c>
      <c r="AY102">
        <v>127</v>
      </c>
      <c r="BA102">
        <v>100</v>
      </c>
      <c r="BB102">
        <v>688.2</v>
      </c>
      <c r="BC102">
        <v>3173</v>
      </c>
      <c r="BE102">
        <v>100</v>
      </c>
      <c r="BF102">
        <v>764.8</v>
      </c>
      <c r="BG102">
        <v>113</v>
      </c>
      <c r="BI102">
        <v>100</v>
      </c>
      <c r="BJ102">
        <v>1788.5</v>
      </c>
      <c r="BK102">
        <v>724</v>
      </c>
    </row>
    <row r="103" spans="5:63" x14ac:dyDescent="0.25">
      <c r="E103">
        <v>101</v>
      </c>
      <c r="F103">
        <v>818.1</v>
      </c>
      <c r="G103">
        <v>273</v>
      </c>
      <c r="I103">
        <v>101</v>
      </c>
      <c r="J103">
        <v>701.3</v>
      </c>
      <c r="K103">
        <v>154</v>
      </c>
      <c r="M103">
        <v>101</v>
      </c>
      <c r="N103">
        <v>880.2</v>
      </c>
      <c r="O103">
        <v>105</v>
      </c>
      <c r="Q103">
        <v>101</v>
      </c>
      <c r="R103">
        <v>1367.7</v>
      </c>
      <c r="S103">
        <v>413</v>
      </c>
      <c r="U103">
        <v>101</v>
      </c>
      <c r="V103">
        <v>913.8</v>
      </c>
      <c r="W103">
        <v>351</v>
      </c>
      <c r="AC103">
        <v>101</v>
      </c>
      <c r="AD103">
        <v>1931.8</v>
      </c>
      <c r="AE103">
        <v>131</v>
      </c>
      <c r="AG103">
        <v>101</v>
      </c>
      <c r="AH103">
        <v>658.2</v>
      </c>
      <c r="AI103">
        <v>917</v>
      </c>
      <c r="AO103">
        <v>101</v>
      </c>
      <c r="AP103">
        <v>630.70000000000005</v>
      </c>
      <c r="AQ103">
        <v>1679</v>
      </c>
      <c r="AS103">
        <v>101</v>
      </c>
      <c r="AT103">
        <v>709.3</v>
      </c>
      <c r="AU103">
        <v>1879</v>
      </c>
      <c r="AW103">
        <v>101</v>
      </c>
      <c r="AX103">
        <v>885.4</v>
      </c>
      <c r="AY103">
        <v>316</v>
      </c>
      <c r="BA103">
        <v>101</v>
      </c>
      <c r="BB103">
        <v>689.1</v>
      </c>
      <c r="BC103">
        <v>598</v>
      </c>
      <c r="BE103">
        <v>101</v>
      </c>
      <c r="BF103">
        <v>772.8</v>
      </c>
      <c r="BG103">
        <v>554</v>
      </c>
      <c r="BI103">
        <v>101</v>
      </c>
      <c r="BJ103">
        <v>1788.8</v>
      </c>
      <c r="BK103">
        <v>683</v>
      </c>
    </row>
    <row r="104" spans="5:63" x14ac:dyDescent="0.25">
      <c r="E104">
        <v>102</v>
      </c>
      <c r="F104">
        <v>819.8</v>
      </c>
      <c r="G104">
        <v>219</v>
      </c>
      <c r="I104">
        <v>102</v>
      </c>
      <c r="J104">
        <v>702.7</v>
      </c>
      <c r="K104">
        <v>219</v>
      </c>
      <c r="M104">
        <v>102</v>
      </c>
      <c r="N104">
        <v>882.8</v>
      </c>
      <c r="O104">
        <v>635</v>
      </c>
      <c r="Q104">
        <v>102</v>
      </c>
      <c r="R104">
        <v>1369.5</v>
      </c>
      <c r="S104">
        <v>261</v>
      </c>
      <c r="U104">
        <v>102</v>
      </c>
      <c r="V104">
        <v>915.4</v>
      </c>
      <c r="W104">
        <v>195</v>
      </c>
      <c r="AC104">
        <v>102</v>
      </c>
      <c r="AD104">
        <v>1990.8</v>
      </c>
      <c r="AE104">
        <v>1241</v>
      </c>
      <c r="AG104">
        <v>102</v>
      </c>
      <c r="AH104">
        <v>658.7</v>
      </c>
      <c r="AI104">
        <v>666</v>
      </c>
      <c r="AO104">
        <v>102</v>
      </c>
      <c r="AP104">
        <v>631.20000000000005</v>
      </c>
      <c r="AQ104">
        <v>278</v>
      </c>
      <c r="AS104">
        <v>102</v>
      </c>
      <c r="AT104">
        <v>709.8</v>
      </c>
      <c r="AU104">
        <v>560</v>
      </c>
      <c r="AW104">
        <v>102</v>
      </c>
      <c r="AX104">
        <v>885.8</v>
      </c>
      <c r="AY104">
        <v>101</v>
      </c>
      <c r="BA104">
        <v>102</v>
      </c>
      <c r="BB104">
        <v>689.7</v>
      </c>
      <c r="BC104">
        <v>1571</v>
      </c>
      <c r="BE104">
        <v>102</v>
      </c>
      <c r="BF104">
        <v>773.4</v>
      </c>
      <c r="BG104">
        <v>140</v>
      </c>
      <c r="BI104">
        <v>102</v>
      </c>
      <c r="BJ104">
        <v>1789.3</v>
      </c>
      <c r="BK104">
        <v>250</v>
      </c>
    </row>
    <row r="105" spans="5:63" x14ac:dyDescent="0.25">
      <c r="E105">
        <v>103</v>
      </c>
      <c r="F105">
        <v>877.2</v>
      </c>
      <c r="G105">
        <v>161</v>
      </c>
      <c r="I105">
        <v>103</v>
      </c>
      <c r="J105">
        <v>703.8</v>
      </c>
      <c r="K105">
        <v>388</v>
      </c>
      <c r="M105">
        <v>103</v>
      </c>
      <c r="N105">
        <v>883.2</v>
      </c>
      <c r="O105">
        <v>543</v>
      </c>
      <c r="Q105">
        <v>103</v>
      </c>
      <c r="R105">
        <v>1464.2</v>
      </c>
      <c r="S105">
        <v>231</v>
      </c>
      <c r="U105">
        <v>103</v>
      </c>
      <c r="V105">
        <v>916.1</v>
      </c>
      <c r="W105">
        <v>196</v>
      </c>
      <c r="AC105">
        <v>103</v>
      </c>
      <c r="AD105">
        <v>1991.8</v>
      </c>
      <c r="AE105">
        <v>1334</v>
      </c>
      <c r="AG105">
        <v>103</v>
      </c>
      <c r="AH105">
        <v>665.8</v>
      </c>
      <c r="AI105">
        <v>280</v>
      </c>
      <c r="AO105">
        <v>103</v>
      </c>
      <c r="AP105">
        <v>638.4</v>
      </c>
      <c r="AQ105">
        <v>1463</v>
      </c>
      <c r="AS105">
        <v>103</v>
      </c>
      <c r="AT105">
        <v>710.3</v>
      </c>
      <c r="AU105">
        <v>576</v>
      </c>
      <c r="AW105">
        <v>103</v>
      </c>
      <c r="AX105">
        <v>886.4</v>
      </c>
      <c r="AY105">
        <v>197</v>
      </c>
      <c r="BA105">
        <v>103</v>
      </c>
      <c r="BB105">
        <v>690.3</v>
      </c>
      <c r="BC105">
        <v>185</v>
      </c>
      <c r="BE105">
        <v>103</v>
      </c>
      <c r="BF105">
        <v>773.8</v>
      </c>
      <c r="BG105">
        <v>748</v>
      </c>
      <c r="BI105">
        <v>103</v>
      </c>
      <c r="BJ105">
        <v>1789.5</v>
      </c>
      <c r="BK105">
        <v>633</v>
      </c>
    </row>
    <row r="106" spans="5:63" x14ac:dyDescent="0.25">
      <c r="E106">
        <v>104</v>
      </c>
      <c r="F106">
        <v>895.2</v>
      </c>
      <c r="G106">
        <v>173</v>
      </c>
      <c r="I106">
        <v>104</v>
      </c>
      <c r="J106">
        <v>709.3</v>
      </c>
      <c r="K106">
        <v>173</v>
      </c>
      <c r="M106">
        <v>104</v>
      </c>
      <c r="N106">
        <v>884.3</v>
      </c>
      <c r="O106">
        <v>434</v>
      </c>
      <c r="Q106">
        <v>104</v>
      </c>
      <c r="R106">
        <v>1465.6</v>
      </c>
      <c r="S106">
        <v>109</v>
      </c>
      <c r="U106">
        <v>104</v>
      </c>
      <c r="V106">
        <v>916.8</v>
      </c>
      <c r="W106">
        <v>145</v>
      </c>
      <c r="AC106">
        <v>104</v>
      </c>
      <c r="AD106">
        <v>1992.8</v>
      </c>
      <c r="AE106">
        <v>423</v>
      </c>
      <c r="AG106">
        <v>104</v>
      </c>
      <c r="AH106">
        <v>666.9</v>
      </c>
      <c r="AI106">
        <v>386</v>
      </c>
      <c r="AO106">
        <v>104</v>
      </c>
      <c r="AP106">
        <v>640</v>
      </c>
      <c r="AQ106">
        <v>203</v>
      </c>
      <c r="AS106">
        <v>104</v>
      </c>
      <c r="AT106">
        <v>710.8</v>
      </c>
      <c r="AU106">
        <v>2232</v>
      </c>
      <c r="AW106">
        <v>104</v>
      </c>
      <c r="AX106">
        <v>891.8</v>
      </c>
      <c r="AY106">
        <v>172</v>
      </c>
      <c r="BA106">
        <v>104</v>
      </c>
      <c r="BB106">
        <v>692.6</v>
      </c>
      <c r="BC106">
        <v>1101</v>
      </c>
      <c r="BE106">
        <v>104</v>
      </c>
      <c r="BF106">
        <v>774.3</v>
      </c>
      <c r="BG106">
        <v>2008</v>
      </c>
      <c r="BI106">
        <v>104</v>
      </c>
      <c r="BJ106">
        <v>1791.7</v>
      </c>
      <c r="BK106">
        <v>197</v>
      </c>
    </row>
    <row r="107" spans="5:63" x14ac:dyDescent="0.25">
      <c r="E107">
        <v>105</v>
      </c>
      <c r="F107">
        <v>900.5</v>
      </c>
      <c r="G107">
        <v>103</v>
      </c>
      <c r="I107">
        <v>105</v>
      </c>
      <c r="J107">
        <v>709.8</v>
      </c>
      <c r="K107">
        <v>310</v>
      </c>
      <c r="M107">
        <v>105</v>
      </c>
      <c r="N107">
        <v>891.8</v>
      </c>
      <c r="O107">
        <v>295</v>
      </c>
      <c r="Q107">
        <v>105</v>
      </c>
      <c r="R107">
        <v>1492.7</v>
      </c>
      <c r="S107">
        <v>234</v>
      </c>
      <c r="U107">
        <v>105</v>
      </c>
      <c r="V107">
        <v>917.4</v>
      </c>
      <c r="W107">
        <v>340</v>
      </c>
      <c r="AC107">
        <v>105</v>
      </c>
      <c r="AD107">
        <v>1993.8</v>
      </c>
      <c r="AE107">
        <v>503</v>
      </c>
      <c r="AG107">
        <v>105</v>
      </c>
      <c r="AH107">
        <v>677.3</v>
      </c>
      <c r="AI107">
        <v>1022</v>
      </c>
      <c r="AO107">
        <v>105</v>
      </c>
      <c r="AP107">
        <v>646.29999999999995</v>
      </c>
      <c r="AQ107">
        <v>569</v>
      </c>
      <c r="AS107">
        <v>105</v>
      </c>
      <c r="AT107">
        <v>711.2</v>
      </c>
      <c r="AU107">
        <v>559</v>
      </c>
      <c r="AW107">
        <v>105</v>
      </c>
      <c r="AX107">
        <v>893.3</v>
      </c>
      <c r="AY107">
        <v>341</v>
      </c>
      <c r="BA107">
        <v>105</v>
      </c>
      <c r="BB107">
        <v>692.8</v>
      </c>
      <c r="BC107">
        <v>647</v>
      </c>
      <c r="BE107">
        <v>105</v>
      </c>
      <c r="BF107">
        <v>774.8</v>
      </c>
      <c r="BG107">
        <v>776</v>
      </c>
      <c r="BI107">
        <v>105</v>
      </c>
      <c r="BJ107">
        <v>1855.8</v>
      </c>
      <c r="BK107">
        <v>230</v>
      </c>
    </row>
    <row r="108" spans="5:63" x14ac:dyDescent="0.25">
      <c r="E108">
        <v>106</v>
      </c>
      <c r="F108">
        <v>901.4</v>
      </c>
      <c r="G108">
        <v>140</v>
      </c>
      <c r="I108">
        <v>106</v>
      </c>
      <c r="J108">
        <v>710.2</v>
      </c>
      <c r="K108">
        <v>488</v>
      </c>
      <c r="M108">
        <v>106</v>
      </c>
      <c r="N108">
        <v>893.3</v>
      </c>
      <c r="O108">
        <v>104</v>
      </c>
      <c r="Q108">
        <v>106</v>
      </c>
      <c r="R108">
        <v>1504.4</v>
      </c>
      <c r="S108">
        <v>239</v>
      </c>
      <c r="U108">
        <v>106</v>
      </c>
      <c r="V108">
        <v>925.9</v>
      </c>
      <c r="W108">
        <v>471</v>
      </c>
      <c r="AC108">
        <v>106</v>
      </c>
      <c r="AD108">
        <v>1995</v>
      </c>
      <c r="AE108">
        <v>533</v>
      </c>
      <c r="AG108">
        <v>106</v>
      </c>
      <c r="AH108">
        <v>677.7</v>
      </c>
      <c r="AI108">
        <v>639</v>
      </c>
      <c r="AO108">
        <v>106</v>
      </c>
      <c r="AP108">
        <v>649.29999999999995</v>
      </c>
      <c r="AQ108">
        <v>329</v>
      </c>
      <c r="AS108">
        <v>106</v>
      </c>
      <c r="AT108">
        <v>711.9</v>
      </c>
      <c r="AU108">
        <v>1332</v>
      </c>
      <c r="AW108">
        <v>106</v>
      </c>
      <c r="AX108">
        <v>896.6</v>
      </c>
      <c r="AY108">
        <v>136</v>
      </c>
      <c r="BA108">
        <v>106</v>
      </c>
      <c r="BB108">
        <v>700.3</v>
      </c>
      <c r="BC108">
        <v>1597</v>
      </c>
      <c r="BE108">
        <v>106</v>
      </c>
      <c r="BF108">
        <v>775.5</v>
      </c>
      <c r="BG108">
        <v>250</v>
      </c>
      <c r="BI108">
        <v>106</v>
      </c>
      <c r="BJ108">
        <v>1857.5</v>
      </c>
      <c r="BK108">
        <v>245</v>
      </c>
    </row>
    <row r="109" spans="5:63" x14ac:dyDescent="0.25">
      <c r="E109">
        <v>107</v>
      </c>
      <c r="F109">
        <v>909.2</v>
      </c>
      <c r="G109">
        <v>105</v>
      </c>
      <c r="I109">
        <v>107</v>
      </c>
      <c r="J109">
        <v>710.7</v>
      </c>
      <c r="K109">
        <v>875</v>
      </c>
      <c r="M109">
        <v>107</v>
      </c>
      <c r="N109">
        <v>893.8</v>
      </c>
      <c r="O109">
        <v>873</v>
      </c>
      <c r="Q109">
        <v>107</v>
      </c>
      <c r="R109">
        <v>1514.5</v>
      </c>
      <c r="S109">
        <v>225</v>
      </c>
      <c r="U109">
        <v>107</v>
      </c>
      <c r="V109">
        <v>926.3</v>
      </c>
      <c r="W109">
        <v>219</v>
      </c>
      <c r="AC109">
        <v>107</v>
      </c>
      <c r="AD109">
        <v>2062.6</v>
      </c>
      <c r="AE109">
        <v>565</v>
      </c>
      <c r="AG109">
        <v>107</v>
      </c>
      <c r="AH109">
        <v>680.8</v>
      </c>
      <c r="AI109">
        <v>910</v>
      </c>
      <c r="AO109">
        <v>107</v>
      </c>
      <c r="AP109">
        <v>649.70000000000005</v>
      </c>
      <c r="AQ109">
        <v>716</v>
      </c>
      <c r="AS109">
        <v>107</v>
      </c>
      <c r="AT109">
        <v>712.3</v>
      </c>
      <c r="AU109">
        <v>232</v>
      </c>
      <c r="AW109">
        <v>107</v>
      </c>
      <c r="AX109">
        <v>897.3</v>
      </c>
      <c r="AY109">
        <v>217</v>
      </c>
      <c r="BA109">
        <v>107</v>
      </c>
      <c r="BB109">
        <v>700.8</v>
      </c>
      <c r="BC109">
        <v>477</v>
      </c>
      <c r="BE109">
        <v>107</v>
      </c>
      <c r="BF109">
        <v>777.8</v>
      </c>
      <c r="BG109">
        <v>110</v>
      </c>
      <c r="BI109">
        <v>107</v>
      </c>
      <c r="BJ109">
        <v>1858.6</v>
      </c>
      <c r="BK109">
        <v>104</v>
      </c>
    </row>
    <row r="110" spans="5:63" x14ac:dyDescent="0.25">
      <c r="E110">
        <v>108</v>
      </c>
      <c r="F110">
        <v>919.4</v>
      </c>
      <c r="G110">
        <v>106</v>
      </c>
      <c r="I110">
        <v>108</v>
      </c>
      <c r="J110">
        <v>711.2</v>
      </c>
      <c r="K110">
        <v>774</v>
      </c>
      <c r="M110">
        <v>108</v>
      </c>
      <c r="N110">
        <v>894.3</v>
      </c>
      <c r="O110">
        <v>255</v>
      </c>
      <c r="Q110">
        <v>108</v>
      </c>
      <c r="R110">
        <v>1523.7</v>
      </c>
      <c r="S110">
        <v>222</v>
      </c>
      <c r="U110">
        <v>108</v>
      </c>
      <c r="V110">
        <v>926.9</v>
      </c>
      <c r="W110">
        <v>348</v>
      </c>
      <c r="AC110">
        <v>108</v>
      </c>
      <c r="AD110">
        <v>2079.8000000000002</v>
      </c>
      <c r="AE110">
        <v>1233</v>
      </c>
      <c r="AG110">
        <v>108</v>
      </c>
      <c r="AH110">
        <v>682.3</v>
      </c>
      <c r="AI110">
        <v>688</v>
      </c>
      <c r="AO110">
        <v>108</v>
      </c>
      <c r="AP110">
        <v>650.20000000000005</v>
      </c>
      <c r="AQ110">
        <v>579</v>
      </c>
      <c r="AS110">
        <v>108</v>
      </c>
      <c r="AT110">
        <v>722.2</v>
      </c>
      <c r="AU110">
        <v>1649</v>
      </c>
      <c r="AW110">
        <v>108</v>
      </c>
      <c r="AX110">
        <v>897.8</v>
      </c>
      <c r="AY110">
        <v>150</v>
      </c>
      <c r="BA110">
        <v>108</v>
      </c>
      <c r="BB110">
        <v>701.4</v>
      </c>
      <c r="BC110">
        <v>156</v>
      </c>
      <c r="BE110">
        <v>108</v>
      </c>
      <c r="BF110">
        <v>782.8</v>
      </c>
      <c r="BG110">
        <v>10628</v>
      </c>
      <c r="BI110">
        <v>108</v>
      </c>
      <c r="BJ110">
        <v>1859.2</v>
      </c>
      <c r="BK110">
        <v>152</v>
      </c>
    </row>
    <row r="111" spans="5:63" x14ac:dyDescent="0.25">
      <c r="E111">
        <v>109</v>
      </c>
      <c r="F111">
        <v>935.4</v>
      </c>
      <c r="G111">
        <v>250</v>
      </c>
      <c r="I111">
        <v>109</v>
      </c>
      <c r="J111">
        <v>712.3</v>
      </c>
      <c r="K111">
        <v>481</v>
      </c>
      <c r="M111">
        <v>109</v>
      </c>
      <c r="N111">
        <v>894.9</v>
      </c>
      <c r="O111">
        <v>358</v>
      </c>
      <c r="Q111">
        <v>109</v>
      </c>
      <c r="R111">
        <v>1524.8</v>
      </c>
      <c r="S111">
        <v>276</v>
      </c>
      <c r="U111">
        <v>109</v>
      </c>
      <c r="V111">
        <v>927.7</v>
      </c>
      <c r="W111">
        <v>158</v>
      </c>
      <c r="AC111">
        <v>109</v>
      </c>
      <c r="AD111">
        <v>2081.5</v>
      </c>
      <c r="AE111">
        <v>614</v>
      </c>
      <c r="AG111">
        <v>109</v>
      </c>
      <c r="AH111">
        <v>687.4</v>
      </c>
      <c r="AI111">
        <v>426</v>
      </c>
      <c r="AO111">
        <v>109</v>
      </c>
      <c r="AP111">
        <v>650.29999999999995</v>
      </c>
      <c r="AQ111">
        <v>526</v>
      </c>
      <c r="AS111">
        <v>109</v>
      </c>
      <c r="AT111">
        <v>722.8</v>
      </c>
      <c r="AU111">
        <v>601</v>
      </c>
      <c r="AW111">
        <v>109</v>
      </c>
      <c r="AX111">
        <v>898</v>
      </c>
      <c r="AY111">
        <v>114</v>
      </c>
      <c r="BA111">
        <v>109</v>
      </c>
      <c r="BB111">
        <v>701.7</v>
      </c>
      <c r="BC111">
        <v>3040</v>
      </c>
      <c r="BE111">
        <v>109</v>
      </c>
      <c r="BF111">
        <v>783.3</v>
      </c>
      <c r="BG111">
        <v>8269</v>
      </c>
      <c r="BI111">
        <v>109</v>
      </c>
      <c r="BJ111">
        <v>1860.7</v>
      </c>
      <c r="BK111">
        <v>320</v>
      </c>
    </row>
    <row r="112" spans="5:63" x14ac:dyDescent="0.25">
      <c r="E112">
        <v>110</v>
      </c>
      <c r="F112">
        <v>936.3</v>
      </c>
      <c r="G112">
        <v>253</v>
      </c>
      <c r="I112">
        <v>110</v>
      </c>
      <c r="J112">
        <v>713</v>
      </c>
      <c r="K112">
        <v>327</v>
      </c>
      <c r="M112">
        <v>110</v>
      </c>
      <c r="N112">
        <v>896.9</v>
      </c>
      <c r="O112">
        <v>158</v>
      </c>
      <c r="Q112">
        <v>110</v>
      </c>
      <c r="R112">
        <v>1531.5</v>
      </c>
      <c r="S112">
        <v>198</v>
      </c>
      <c r="U112">
        <v>110</v>
      </c>
      <c r="V112">
        <v>928.4</v>
      </c>
      <c r="W112">
        <v>149</v>
      </c>
      <c r="AC112">
        <v>110</v>
      </c>
      <c r="AD112">
        <v>2100.6999999999998</v>
      </c>
      <c r="AE112">
        <v>689</v>
      </c>
      <c r="AG112">
        <v>110</v>
      </c>
      <c r="AH112">
        <v>689.2</v>
      </c>
      <c r="AI112">
        <v>285</v>
      </c>
      <c r="AO112">
        <v>110</v>
      </c>
      <c r="AP112">
        <v>650.79999999999995</v>
      </c>
      <c r="AQ112">
        <v>194</v>
      </c>
      <c r="AS112">
        <v>110</v>
      </c>
      <c r="AT112">
        <v>723.2</v>
      </c>
      <c r="AU112">
        <v>711</v>
      </c>
      <c r="AW112">
        <v>110</v>
      </c>
      <c r="AX112">
        <v>898.3</v>
      </c>
      <c r="AY112">
        <v>158</v>
      </c>
      <c r="BA112">
        <v>110</v>
      </c>
      <c r="BB112">
        <v>702.3</v>
      </c>
      <c r="BC112">
        <v>697</v>
      </c>
      <c r="BE112">
        <v>110</v>
      </c>
      <c r="BF112">
        <v>783.8</v>
      </c>
      <c r="BG112">
        <v>3437</v>
      </c>
      <c r="BI112">
        <v>110</v>
      </c>
      <c r="BJ112">
        <v>1896.7</v>
      </c>
      <c r="BK112">
        <v>199</v>
      </c>
    </row>
    <row r="113" spans="5:63" x14ac:dyDescent="0.25">
      <c r="E113">
        <v>111</v>
      </c>
      <c r="F113">
        <v>951.4</v>
      </c>
      <c r="G113">
        <v>1107</v>
      </c>
      <c r="I113">
        <v>111</v>
      </c>
      <c r="J113">
        <v>713.3</v>
      </c>
      <c r="K113">
        <v>339</v>
      </c>
      <c r="M113">
        <v>111</v>
      </c>
      <c r="N113">
        <v>898.2</v>
      </c>
      <c r="O113">
        <v>587</v>
      </c>
      <c r="Q113">
        <v>111</v>
      </c>
      <c r="R113">
        <v>1543.5</v>
      </c>
      <c r="S113">
        <v>306</v>
      </c>
      <c r="U113">
        <v>111</v>
      </c>
      <c r="V113">
        <v>933.5</v>
      </c>
      <c r="W113">
        <v>285</v>
      </c>
      <c r="AC113">
        <v>111</v>
      </c>
      <c r="AD113">
        <v>2118.6</v>
      </c>
      <c r="AE113">
        <v>205</v>
      </c>
      <c r="AG113">
        <v>111</v>
      </c>
      <c r="AH113">
        <v>689.9</v>
      </c>
      <c r="AI113">
        <v>340</v>
      </c>
      <c r="AO113">
        <v>111</v>
      </c>
      <c r="AP113">
        <v>651.20000000000005</v>
      </c>
      <c r="AQ113">
        <v>216</v>
      </c>
      <c r="AS113">
        <v>111</v>
      </c>
      <c r="AT113">
        <v>729.1</v>
      </c>
      <c r="AU113">
        <v>268</v>
      </c>
      <c r="AW113">
        <v>111</v>
      </c>
      <c r="AX113">
        <v>904.3</v>
      </c>
      <c r="AY113">
        <v>299</v>
      </c>
      <c r="BA113">
        <v>111</v>
      </c>
      <c r="BB113">
        <v>703.6</v>
      </c>
      <c r="BC113">
        <v>160</v>
      </c>
      <c r="BE113">
        <v>111</v>
      </c>
      <c r="BF113">
        <v>784.3</v>
      </c>
      <c r="BG113">
        <v>858</v>
      </c>
      <c r="BI113">
        <v>111</v>
      </c>
      <c r="BJ113">
        <v>1898.5</v>
      </c>
      <c r="BK113">
        <v>170</v>
      </c>
    </row>
    <row r="114" spans="5:63" x14ac:dyDescent="0.25">
      <c r="E114">
        <v>112</v>
      </c>
      <c r="F114">
        <v>999.5</v>
      </c>
      <c r="G114">
        <v>236</v>
      </c>
      <c r="I114">
        <v>112</v>
      </c>
      <c r="J114">
        <v>720.8</v>
      </c>
      <c r="K114">
        <v>215</v>
      </c>
      <c r="M114">
        <v>112</v>
      </c>
      <c r="N114">
        <v>900.3</v>
      </c>
      <c r="O114">
        <v>220</v>
      </c>
      <c r="Q114">
        <v>112</v>
      </c>
      <c r="R114">
        <v>1565.6</v>
      </c>
      <c r="S114">
        <v>1617</v>
      </c>
      <c r="U114">
        <v>112</v>
      </c>
      <c r="V114">
        <v>935.4</v>
      </c>
      <c r="W114">
        <v>239</v>
      </c>
      <c r="AC114">
        <v>112</v>
      </c>
      <c r="AD114">
        <v>2119.8000000000002</v>
      </c>
      <c r="AE114">
        <v>609</v>
      </c>
      <c r="AG114">
        <v>112</v>
      </c>
      <c r="AH114">
        <v>692.9</v>
      </c>
      <c r="AI114">
        <v>2206</v>
      </c>
      <c r="AO114">
        <v>112</v>
      </c>
      <c r="AP114">
        <v>652</v>
      </c>
      <c r="AQ114">
        <v>2375</v>
      </c>
      <c r="AS114">
        <v>112</v>
      </c>
      <c r="AT114">
        <v>729.6</v>
      </c>
      <c r="AU114">
        <v>664</v>
      </c>
      <c r="AW114">
        <v>112</v>
      </c>
      <c r="AX114">
        <v>905</v>
      </c>
      <c r="AY114">
        <v>460</v>
      </c>
      <c r="BA114">
        <v>112</v>
      </c>
      <c r="BB114">
        <v>708.8</v>
      </c>
      <c r="BC114">
        <v>877</v>
      </c>
      <c r="BE114">
        <v>112</v>
      </c>
      <c r="BF114">
        <v>784.8</v>
      </c>
      <c r="BG114">
        <v>553</v>
      </c>
      <c r="BI114">
        <v>112</v>
      </c>
      <c r="BJ114">
        <v>1899.7</v>
      </c>
      <c r="BK114">
        <v>171</v>
      </c>
    </row>
    <row r="115" spans="5:63" x14ac:dyDescent="0.25">
      <c r="E115">
        <v>113</v>
      </c>
      <c r="F115">
        <v>1055.3</v>
      </c>
      <c r="G115">
        <v>170</v>
      </c>
      <c r="I115">
        <v>113</v>
      </c>
      <c r="J115">
        <v>721.4</v>
      </c>
      <c r="K115">
        <v>544</v>
      </c>
      <c r="M115">
        <v>113</v>
      </c>
      <c r="N115">
        <v>902.2</v>
      </c>
      <c r="O115">
        <v>104</v>
      </c>
      <c r="Q115">
        <v>113</v>
      </c>
      <c r="R115">
        <v>1565.9</v>
      </c>
      <c r="S115">
        <v>102</v>
      </c>
      <c r="U115">
        <v>113</v>
      </c>
      <c r="V115">
        <v>935.7</v>
      </c>
      <c r="W115">
        <v>242</v>
      </c>
      <c r="AC115">
        <v>113</v>
      </c>
      <c r="AD115">
        <v>2122.9</v>
      </c>
      <c r="AE115">
        <v>275</v>
      </c>
      <c r="AG115">
        <v>113</v>
      </c>
      <c r="AH115">
        <v>701.3</v>
      </c>
      <c r="AI115">
        <v>7271</v>
      </c>
      <c r="AO115">
        <v>113</v>
      </c>
      <c r="AP115">
        <v>652.29999999999995</v>
      </c>
      <c r="AQ115">
        <v>1193</v>
      </c>
      <c r="AS115">
        <v>113</v>
      </c>
      <c r="AT115">
        <v>730</v>
      </c>
      <c r="AU115">
        <v>374</v>
      </c>
      <c r="AW115">
        <v>113</v>
      </c>
      <c r="AX115">
        <v>905.7</v>
      </c>
      <c r="AY115">
        <v>122</v>
      </c>
      <c r="BA115">
        <v>113</v>
      </c>
      <c r="BB115">
        <v>709.3</v>
      </c>
      <c r="BC115">
        <v>967</v>
      </c>
      <c r="BE115">
        <v>113</v>
      </c>
      <c r="BF115">
        <v>792.4</v>
      </c>
      <c r="BG115">
        <v>228</v>
      </c>
      <c r="BI115">
        <v>113</v>
      </c>
      <c r="BJ115">
        <v>1916.6</v>
      </c>
      <c r="BK115">
        <v>201</v>
      </c>
    </row>
    <row r="116" spans="5:63" x14ac:dyDescent="0.25">
      <c r="E116">
        <v>114</v>
      </c>
      <c r="F116">
        <v>1064.0999999999999</v>
      </c>
      <c r="G116">
        <v>233</v>
      </c>
      <c r="I116">
        <v>114</v>
      </c>
      <c r="J116">
        <v>722.2</v>
      </c>
      <c r="K116">
        <v>385</v>
      </c>
      <c r="M116">
        <v>114</v>
      </c>
      <c r="N116">
        <v>904.9</v>
      </c>
      <c r="O116">
        <v>743</v>
      </c>
      <c r="Q116">
        <v>114</v>
      </c>
      <c r="R116">
        <v>1566.5</v>
      </c>
      <c r="S116">
        <v>859</v>
      </c>
      <c r="U116">
        <v>114</v>
      </c>
      <c r="V116">
        <v>937.4</v>
      </c>
      <c r="W116">
        <v>532</v>
      </c>
      <c r="AG116">
        <v>114</v>
      </c>
      <c r="AH116">
        <v>701.8</v>
      </c>
      <c r="AI116">
        <v>1652</v>
      </c>
      <c r="AO116">
        <v>114</v>
      </c>
      <c r="AP116">
        <v>652.5</v>
      </c>
      <c r="AQ116">
        <v>1219</v>
      </c>
      <c r="AS116">
        <v>114</v>
      </c>
      <c r="AT116">
        <v>730.3</v>
      </c>
      <c r="AU116">
        <v>3934</v>
      </c>
      <c r="AW116">
        <v>114</v>
      </c>
      <c r="AX116">
        <v>906.9</v>
      </c>
      <c r="AY116">
        <v>214</v>
      </c>
      <c r="BA116">
        <v>114</v>
      </c>
      <c r="BB116">
        <v>709.8</v>
      </c>
      <c r="BC116">
        <v>1770</v>
      </c>
      <c r="BE116">
        <v>114</v>
      </c>
      <c r="BF116">
        <v>793.3</v>
      </c>
      <c r="BG116">
        <v>165</v>
      </c>
      <c r="BI116">
        <v>114</v>
      </c>
      <c r="BJ116">
        <v>1916.8</v>
      </c>
      <c r="BK116">
        <v>187</v>
      </c>
    </row>
    <row r="117" spans="5:63" x14ac:dyDescent="0.25">
      <c r="E117">
        <v>115</v>
      </c>
      <c r="F117">
        <v>1080.5999999999999</v>
      </c>
      <c r="G117">
        <v>153</v>
      </c>
      <c r="I117">
        <v>115</v>
      </c>
      <c r="J117">
        <v>722.7</v>
      </c>
      <c r="K117">
        <v>409</v>
      </c>
      <c r="M117">
        <v>115</v>
      </c>
      <c r="N117">
        <v>905.3</v>
      </c>
      <c r="O117">
        <v>782</v>
      </c>
      <c r="Q117">
        <v>115</v>
      </c>
      <c r="R117">
        <v>1567.9</v>
      </c>
      <c r="S117">
        <v>203</v>
      </c>
      <c r="U117">
        <v>115</v>
      </c>
      <c r="V117">
        <v>938.2</v>
      </c>
      <c r="W117">
        <v>315</v>
      </c>
      <c r="AG117">
        <v>115</v>
      </c>
      <c r="AH117">
        <v>702.3</v>
      </c>
      <c r="AI117">
        <v>886</v>
      </c>
      <c r="AO117">
        <v>115</v>
      </c>
      <c r="AP117">
        <v>653.1</v>
      </c>
      <c r="AQ117">
        <v>1065</v>
      </c>
      <c r="AS117">
        <v>115</v>
      </c>
      <c r="AT117">
        <v>730.8</v>
      </c>
      <c r="AU117">
        <v>4172</v>
      </c>
      <c r="AW117">
        <v>115</v>
      </c>
      <c r="AX117">
        <v>907.2</v>
      </c>
      <c r="AY117">
        <v>332</v>
      </c>
      <c r="BA117">
        <v>115</v>
      </c>
      <c r="BB117">
        <v>710</v>
      </c>
      <c r="BC117">
        <v>544</v>
      </c>
      <c r="BE117">
        <v>115</v>
      </c>
      <c r="BF117">
        <v>797</v>
      </c>
      <c r="BG117">
        <v>110</v>
      </c>
      <c r="BI117">
        <v>115</v>
      </c>
      <c r="BJ117">
        <v>1917.8</v>
      </c>
      <c r="BK117">
        <v>943</v>
      </c>
    </row>
    <row r="118" spans="5:63" x14ac:dyDescent="0.25">
      <c r="E118">
        <v>116</v>
      </c>
      <c r="F118">
        <v>1094.2</v>
      </c>
      <c r="G118">
        <v>118</v>
      </c>
      <c r="I118">
        <v>116</v>
      </c>
      <c r="J118">
        <v>723.3</v>
      </c>
      <c r="K118">
        <v>154</v>
      </c>
      <c r="M118">
        <v>116</v>
      </c>
      <c r="N118">
        <v>906</v>
      </c>
      <c r="O118">
        <v>164</v>
      </c>
      <c r="Q118">
        <v>116</v>
      </c>
      <c r="R118">
        <v>1568.7</v>
      </c>
      <c r="S118">
        <v>192</v>
      </c>
      <c r="U118">
        <v>116</v>
      </c>
      <c r="V118">
        <v>943.4</v>
      </c>
      <c r="W118">
        <v>148</v>
      </c>
      <c r="AG118">
        <v>116</v>
      </c>
      <c r="AH118">
        <v>703.2</v>
      </c>
      <c r="AI118">
        <v>198</v>
      </c>
      <c r="AO118">
        <v>116</v>
      </c>
      <c r="AP118">
        <v>653.20000000000005</v>
      </c>
      <c r="AQ118">
        <v>921</v>
      </c>
      <c r="AS118">
        <v>116</v>
      </c>
      <c r="AT118">
        <v>731.2</v>
      </c>
      <c r="AU118">
        <v>2956</v>
      </c>
      <c r="AW118">
        <v>116</v>
      </c>
      <c r="AX118">
        <v>918.3</v>
      </c>
      <c r="AY118">
        <v>490</v>
      </c>
      <c r="BA118">
        <v>116</v>
      </c>
      <c r="BB118">
        <v>710.3</v>
      </c>
      <c r="BC118">
        <v>394</v>
      </c>
      <c r="BE118">
        <v>116</v>
      </c>
      <c r="BF118">
        <v>799.3</v>
      </c>
      <c r="BG118">
        <v>251</v>
      </c>
      <c r="BI118">
        <v>116</v>
      </c>
      <c r="BJ118">
        <v>1919.8</v>
      </c>
      <c r="BK118">
        <v>111</v>
      </c>
    </row>
    <row r="119" spans="5:63" x14ac:dyDescent="0.25">
      <c r="E119">
        <v>117</v>
      </c>
      <c r="F119">
        <v>1094.4000000000001</v>
      </c>
      <c r="G119">
        <v>117</v>
      </c>
      <c r="I119">
        <v>117</v>
      </c>
      <c r="J119">
        <v>724.3</v>
      </c>
      <c r="K119">
        <v>179</v>
      </c>
      <c r="M119">
        <v>117</v>
      </c>
      <c r="N119">
        <v>906.4</v>
      </c>
      <c r="O119">
        <v>295</v>
      </c>
      <c r="Q119">
        <v>117</v>
      </c>
      <c r="R119">
        <v>1569.7</v>
      </c>
      <c r="S119">
        <v>121</v>
      </c>
      <c r="U119">
        <v>117</v>
      </c>
      <c r="V119">
        <v>945.2</v>
      </c>
      <c r="W119">
        <v>146</v>
      </c>
      <c r="AG119">
        <v>117</v>
      </c>
      <c r="AH119">
        <v>708.3</v>
      </c>
      <c r="AI119">
        <v>355</v>
      </c>
      <c r="AO119">
        <v>117</v>
      </c>
      <c r="AP119">
        <v>655.29999999999995</v>
      </c>
      <c r="AQ119">
        <v>331</v>
      </c>
      <c r="AS119">
        <v>117</v>
      </c>
      <c r="AT119">
        <v>731.9</v>
      </c>
      <c r="AU119">
        <v>2199</v>
      </c>
      <c r="AW119">
        <v>117</v>
      </c>
      <c r="AX119">
        <v>919.4</v>
      </c>
      <c r="AY119">
        <v>201</v>
      </c>
      <c r="BA119">
        <v>117</v>
      </c>
      <c r="BB119">
        <v>710.7</v>
      </c>
      <c r="BC119">
        <v>2745</v>
      </c>
      <c r="BE119">
        <v>117</v>
      </c>
      <c r="BF119">
        <v>801.3</v>
      </c>
      <c r="BG119">
        <v>377</v>
      </c>
      <c r="BI119">
        <v>117</v>
      </c>
      <c r="BJ119">
        <v>2059.8000000000002</v>
      </c>
      <c r="BK119">
        <v>127</v>
      </c>
    </row>
    <row r="120" spans="5:63" x14ac:dyDescent="0.25">
      <c r="E120">
        <v>118</v>
      </c>
      <c r="F120">
        <v>1149.4000000000001</v>
      </c>
      <c r="G120">
        <v>579</v>
      </c>
      <c r="I120">
        <v>118</v>
      </c>
      <c r="J120">
        <v>729.7</v>
      </c>
      <c r="K120">
        <v>527</v>
      </c>
      <c r="M120">
        <v>118</v>
      </c>
      <c r="N120">
        <v>912.7</v>
      </c>
      <c r="O120">
        <v>733</v>
      </c>
      <c r="Q120">
        <v>118</v>
      </c>
      <c r="R120">
        <v>1572.7</v>
      </c>
      <c r="S120">
        <v>119</v>
      </c>
      <c r="U120">
        <v>118</v>
      </c>
      <c r="V120">
        <v>945.9</v>
      </c>
      <c r="W120">
        <v>159</v>
      </c>
      <c r="AG120">
        <v>118</v>
      </c>
      <c r="AH120">
        <v>710.3</v>
      </c>
      <c r="AI120">
        <v>2247</v>
      </c>
      <c r="AO120">
        <v>118</v>
      </c>
      <c r="AP120">
        <v>657.6</v>
      </c>
      <c r="AQ120">
        <v>145</v>
      </c>
      <c r="AS120">
        <v>118</v>
      </c>
      <c r="AT120">
        <v>732.1</v>
      </c>
      <c r="AU120">
        <v>728</v>
      </c>
      <c r="AW120">
        <v>118</v>
      </c>
      <c r="AX120">
        <v>925.9</v>
      </c>
      <c r="AY120">
        <v>136</v>
      </c>
      <c r="BA120">
        <v>118</v>
      </c>
      <c r="BB120">
        <v>711.3</v>
      </c>
      <c r="BC120">
        <v>1540</v>
      </c>
      <c r="BE120">
        <v>118</v>
      </c>
      <c r="BF120">
        <v>802.3</v>
      </c>
      <c r="BG120">
        <v>116</v>
      </c>
      <c r="BI120">
        <v>118</v>
      </c>
      <c r="BJ120">
        <v>2061.5</v>
      </c>
      <c r="BK120">
        <v>250</v>
      </c>
    </row>
    <row r="121" spans="5:63" x14ac:dyDescent="0.25">
      <c r="E121">
        <v>119</v>
      </c>
      <c r="F121">
        <v>1154.2</v>
      </c>
      <c r="G121">
        <v>474</v>
      </c>
      <c r="I121">
        <v>119</v>
      </c>
      <c r="J121">
        <v>730.3</v>
      </c>
      <c r="K121">
        <v>1993</v>
      </c>
      <c r="M121">
        <v>119</v>
      </c>
      <c r="N121">
        <v>913</v>
      </c>
      <c r="O121">
        <v>353</v>
      </c>
      <c r="Q121">
        <v>119</v>
      </c>
      <c r="R121">
        <v>1646.3</v>
      </c>
      <c r="S121">
        <v>149</v>
      </c>
      <c r="U121">
        <v>119</v>
      </c>
      <c r="V121">
        <v>947.4</v>
      </c>
      <c r="W121">
        <v>938</v>
      </c>
      <c r="AG121">
        <v>119</v>
      </c>
      <c r="AH121">
        <v>710.6</v>
      </c>
      <c r="AI121">
        <v>4469</v>
      </c>
      <c r="AO121">
        <v>119</v>
      </c>
      <c r="AP121">
        <v>658.4</v>
      </c>
      <c r="AQ121">
        <v>169</v>
      </c>
      <c r="AS121">
        <v>119</v>
      </c>
      <c r="AT121">
        <v>732.3</v>
      </c>
      <c r="AU121">
        <v>1082</v>
      </c>
      <c r="AW121">
        <v>119</v>
      </c>
      <c r="AX121">
        <v>926.8</v>
      </c>
      <c r="AY121">
        <v>636</v>
      </c>
      <c r="BA121">
        <v>119</v>
      </c>
      <c r="BB121">
        <v>711.8</v>
      </c>
      <c r="BC121">
        <v>1315</v>
      </c>
      <c r="BE121">
        <v>119</v>
      </c>
      <c r="BF121">
        <v>804.9</v>
      </c>
      <c r="BG121">
        <v>145</v>
      </c>
      <c r="BI121">
        <v>119</v>
      </c>
      <c r="BJ121">
        <v>2063.6</v>
      </c>
      <c r="BK121">
        <v>530</v>
      </c>
    </row>
    <row r="122" spans="5:63" x14ac:dyDescent="0.25">
      <c r="E122">
        <v>120</v>
      </c>
      <c r="F122">
        <v>1154.5</v>
      </c>
      <c r="G122">
        <v>1133</v>
      </c>
      <c r="I122">
        <v>120</v>
      </c>
      <c r="J122">
        <v>730.8</v>
      </c>
      <c r="K122">
        <v>1520</v>
      </c>
      <c r="M122">
        <v>120</v>
      </c>
      <c r="N122">
        <v>913.2</v>
      </c>
      <c r="O122">
        <v>229</v>
      </c>
      <c r="Q122">
        <v>120</v>
      </c>
      <c r="R122">
        <v>1667.8</v>
      </c>
      <c r="S122">
        <v>208</v>
      </c>
      <c r="U122">
        <v>120</v>
      </c>
      <c r="V122">
        <v>947.7</v>
      </c>
      <c r="W122">
        <v>216</v>
      </c>
      <c r="AG122">
        <v>120</v>
      </c>
      <c r="AH122">
        <v>711.2</v>
      </c>
      <c r="AI122">
        <v>2397</v>
      </c>
      <c r="AO122">
        <v>120</v>
      </c>
      <c r="AP122">
        <v>664.7</v>
      </c>
      <c r="AQ122">
        <v>1364</v>
      </c>
      <c r="AS122">
        <v>120</v>
      </c>
      <c r="AT122">
        <v>739.3</v>
      </c>
      <c r="AU122">
        <v>637</v>
      </c>
      <c r="AW122">
        <v>120</v>
      </c>
      <c r="AX122">
        <v>927.3</v>
      </c>
      <c r="AY122">
        <v>355</v>
      </c>
      <c r="BA122">
        <v>120</v>
      </c>
      <c r="BB122">
        <v>713.2</v>
      </c>
      <c r="BC122">
        <v>295</v>
      </c>
      <c r="BE122">
        <v>120</v>
      </c>
      <c r="BF122">
        <v>806.9</v>
      </c>
      <c r="BG122">
        <v>215</v>
      </c>
      <c r="BI122">
        <v>120</v>
      </c>
      <c r="BJ122">
        <v>2063.9</v>
      </c>
      <c r="BK122">
        <v>138</v>
      </c>
    </row>
    <row r="123" spans="5:63" x14ac:dyDescent="0.25">
      <c r="E123">
        <v>121</v>
      </c>
      <c r="F123">
        <v>1155.4000000000001</v>
      </c>
      <c r="G123">
        <v>457</v>
      </c>
      <c r="I123">
        <v>121</v>
      </c>
      <c r="J123">
        <v>731.3</v>
      </c>
      <c r="K123">
        <v>585</v>
      </c>
      <c r="M123">
        <v>121</v>
      </c>
      <c r="N123">
        <v>913.5</v>
      </c>
      <c r="O123">
        <v>119</v>
      </c>
      <c r="Q123">
        <v>121</v>
      </c>
      <c r="R123">
        <v>1668.5</v>
      </c>
      <c r="S123">
        <v>291</v>
      </c>
      <c r="U123">
        <v>121</v>
      </c>
      <c r="V123">
        <v>948.3</v>
      </c>
      <c r="W123">
        <v>330</v>
      </c>
      <c r="AG123">
        <v>121</v>
      </c>
      <c r="AH123">
        <v>711.9</v>
      </c>
      <c r="AI123">
        <v>306</v>
      </c>
      <c r="AO123">
        <v>121</v>
      </c>
      <c r="AP123">
        <v>665.3</v>
      </c>
      <c r="AQ123">
        <v>574</v>
      </c>
      <c r="AS123">
        <v>121</v>
      </c>
      <c r="AT123">
        <v>739.7</v>
      </c>
      <c r="AU123">
        <v>562</v>
      </c>
      <c r="AW123">
        <v>121</v>
      </c>
      <c r="AX123">
        <v>927.8</v>
      </c>
      <c r="AY123">
        <v>536</v>
      </c>
      <c r="BA123">
        <v>121</v>
      </c>
      <c r="BB123">
        <v>715.8</v>
      </c>
      <c r="BC123">
        <v>410</v>
      </c>
      <c r="BE123">
        <v>121</v>
      </c>
      <c r="BF123">
        <v>811.4</v>
      </c>
      <c r="BG123">
        <v>201</v>
      </c>
      <c r="BI123">
        <v>121</v>
      </c>
      <c r="BJ123">
        <v>2076.4</v>
      </c>
      <c r="BK123">
        <v>231</v>
      </c>
    </row>
    <row r="124" spans="5:63" x14ac:dyDescent="0.25">
      <c r="E124">
        <v>122</v>
      </c>
      <c r="F124">
        <v>1156.4000000000001</v>
      </c>
      <c r="G124">
        <v>228</v>
      </c>
      <c r="I124">
        <v>122</v>
      </c>
      <c r="J124">
        <v>731.8</v>
      </c>
      <c r="K124">
        <v>796</v>
      </c>
      <c r="M124">
        <v>122</v>
      </c>
      <c r="N124">
        <v>913.8</v>
      </c>
      <c r="O124">
        <v>1844</v>
      </c>
      <c r="Q124">
        <v>122</v>
      </c>
      <c r="R124">
        <v>1669.5</v>
      </c>
      <c r="S124">
        <v>176</v>
      </c>
      <c r="U124">
        <v>122</v>
      </c>
      <c r="V124">
        <v>948.6</v>
      </c>
      <c r="W124">
        <v>259</v>
      </c>
      <c r="AG124">
        <v>122</v>
      </c>
      <c r="AH124">
        <v>712.3</v>
      </c>
      <c r="AI124">
        <v>585</v>
      </c>
      <c r="AO124">
        <v>122</v>
      </c>
      <c r="AP124">
        <v>665.8</v>
      </c>
      <c r="AQ124">
        <v>1086</v>
      </c>
      <c r="AS124">
        <v>122</v>
      </c>
      <c r="AT124">
        <v>745.7</v>
      </c>
      <c r="AU124">
        <v>329</v>
      </c>
      <c r="AW124">
        <v>122</v>
      </c>
      <c r="AX124">
        <v>928</v>
      </c>
      <c r="AY124">
        <v>718</v>
      </c>
      <c r="BA124">
        <v>122</v>
      </c>
      <c r="BB124">
        <v>721.3</v>
      </c>
      <c r="BC124">
        <v>3958</v>
      </c>
      <c r="BE124">
        <v>122</v>
      </c>
      <c r="BF124">
        <v>814.8</v>
      </c>
      <c r="BG124">
        <v>376</v>
      </c>
      <c r="BI124">
        <v>122</v>
      </c>
      <c r="BJ124">
        <v>2078.8000000000002</v>
      </c>
      <c r="BK124">
        <v>13358</v>
      </c>
    </row>
    <row r="125" spans="5:63" x14ac:dyDescent="0.25">
      <c r="E125">
        <v>123</v>
      </c>
      <c r="F125">
        <v>1157.4000000000001</v>
      </c>
      <c r="G125">
        <v>142</v>
      </c>
      <c r="I125">
        <v>123</v>
      </c>
      <c r="J125">
        <v>732.3</v>
      </c>
      <c r="K125">
        <v>881</v>
      </c>
      <c r="M125">
        <v>123</v>
      </c>
      <c r="N125">
        <v>914.4</v>
      </c>
      <c r="O125">
        <v>1075</v>
      </c>
      <c r="Q125">
        <v>123</v>
      </c>
      <c r="R125">
        <v>1713.6</v>
      </c>
      <c r="S125">
        <v>120</v>
      </c>
      <c r="U125">
        <v>123</v>
      </c>
      <c r="V125">
        <v>949.3</v>
      </c>
      <c r="W125">
        <v>333</v>
      </c>
      <c r="AG125">
        <v>123</v>
      </c>
      <c r="AH125">
        <v>712.8</v>
      </c>
      <c r="AI125">
        <v>1039</v>
      </c>
      <c r="AO125">
        <v>123</v>
      </c>
      <c r="AP125">
        <v>669.9</v>
      </c>
      <c r="AQ125">
        <v>879</v>
      </c>
      <c r="AS125">
        <v>123</v>
      </c>
      <c r="AT125">
        <v>747.3</v>
      </c>
      <c r="AU125">
        <v>203</v>
      </c>
      <c r="AW125">
        <v>123</v>
      </c>
      <c r="AX125">
        <v>928.3</v>
      </c>
      <c r="AY125">
        <v>744</v>
      </c>
      <c r="BA125">
        <v>123</v>
      </c>
      <c r="BB125">
        <v>721.7</v>
      </c>
      <c r="BC125">
        <v>312</v>
      </c>
      <c r="BE125">
        <v>123</v>
      </c>
      <c r="BF125">
        <v>815.3</v>
      </c>
      <c r="BG125">
        <v>387</v>
      </c>
      <c r="BI125">
        <v>123</v>
      </c>
      <c r="BJ125">
        <v>2079.8000000000002</v>
      </c>
      <c r="BK125">
        <v>9863</v>
      </c>
    </row>
    <row r="126" spans="5:63" x14ac:dyDescent="0.25">
      <c r="E126">
        <v>124</v>
      </c>
      <c r="F126">
        <v>1196.3</v>
      </c>
      <c r="G126">
        <v>218</v>
      </c>
      <c r="I126">
        <v>124</v>
      </c>
      <c r="J126">
        <v>732.9</v>
      </c>
      <c r="K126">
        <v>119</v>
      </c>
      <c r="M126">
        <v>124</v>
      </c>
      <c r="N126">
        <v>914.9</v>
      </c>
      <c r="O126">
        <v>449</v>
      </c>
      <c r="Q126">
        <v>124</v>
      </c>
      <c r="R126">
        <v>1737.7</v>
      </c>
      <c r="S126">
        <v>123</v>
      </c>
      <c r="U126">
        <v>124</v>
      </c>
      <c r="V126">
        <v>955</v>
      </c>
      <c r="W126">
        <v>231</v>
      </c>
      <c r="AG126">
        <v>124</v>
      </c>
      <c r="AH126">
        <v>722.3</v>
      </c>
      <c r="AI126">
        <v>941</v>
      </c>
      <c r="AO126">
        <v>124</v>
      </c>
      <c r="AP126">
        <v>670.2</v>
      </c>
      <c r="AQ126">
        <v>3258</v>
      </c>
      <c r="AS126">
        <v>124</v>
      </c>
      <c r="AT126">
        <v>750</v>
      </c>
      <c r="AU126">
        <v>401</v>
      </c>
      <c r="AW126">
        <v>124</v>
      </c>
      <c r="AX126">
        <v>930.2</v>
      </c>
      <c r="AY126">
        <v>130</v>
      </c>
      <c r="BA126">
        <v>124</v>
      </c>
      <c r="BB126">
        <v>722.3</v>
      </c>
      <c r="BC126">
        <v>1164</v>
      </c>
      <c r="BE126">
        <v>124</v>
      </c>
      <c r="BF126">
        <v>815.9</v>
      </c>
      <c r="BG126">
        <v>136</v>
      </c>
      <c r="BI126">
        <v>124</v>
      </c>
      <c r="BJ126">
        <v>2080.8000000000002</v>
      </c>
      <c r="BK126">
        <v>5451</v>
      </c>
    </row>
    <row r="127" spans="5:63" x14ac:dyDescent="0.25">
      <c r="E127">
        <v>125</v>
      </c>
      <c r="F127">
        <v>1222.5</v>
      </c>
      <c r="G127">
        <v>363</v>
      </c>
      <c r="I127">
        <v>125</v>
      </c>
      <c r="J127">
        <v>736.5</v>
      </c>
      <c r="K127">
        <v>245</v>
      </c>
      <c r="M127">
        <v>125</v>
      </c>
      <c r="N127">
        <v>915.4</v>
      </c>
      <c r="O127">
        <v>280</v>
      </c>
      <c r="Q127">
        <v>125</v>
      </c>
      <c r="R127">
        <v>1750.5</v>
      </c>
      <c r="S127">
        <v>249</v>
      </c>
      <c r="U127">
        <v>125</v>
      </c>
      <c r="V127">
        <v>955.8</v>
      </c>
      <c r="W127">
        <v>388</v>
      </c>
      <c r="AG127">
        <v>125</v>
      </c>
      <c r="AH127">
        <v>722.8</v>
      </c>
      <c r="AI127">
        <v>1326</v>
      </c>
      <c r="AO127">
        <v>125</v>
      </c>
      <c r="AP127">
        <v>671.2</v>
      </c>
      <c r="AQ127">
        <v>1602</v>
      </c>
      <c r="AS127">
        <v>125</v>
      </c>
      <c r="AT127">
        <v>751.8</v>
      </c>
      <c r="AU127">
        <v>312</v>
      </c>
      <c r="AW127">
        <v>125</v>
      </c>
      <c r="AX127">
        <v>932.3</v>
      </c>
      <c r="AY127">
        <v>198</v>
      </c>
      <c r="BA127">
        <v>125</v>
      </c>
      <c r="BB127">
        <v>722.7</v>
      </c>
      <c r="BC127">
        <v>1191</v>
      </c>
      <c r="BE127">
        <v>125</v>
      </c>
      <c r="BF127">
        <v>817.3</v>
      </c>
      <c r="BG127">
        <v>6653</v>
      </c>
      <c r="BI127">
        <v>125</v>
      </c>
      <c r="BJ127">
        <v>2081.8000000000002</v>
      </c>
      <c r="BK127">
        <v>1917</v>
      </c>
    </row>
    <row r="128" spans="5:63" x14ac:dyDescent="0.25">
      <c r="E128">
        <v>126</v>
      </c>
      <c r="F128">
        <v>1239.2</v>
      </c>
      <c r="G128">
        <v>115</v>
      </c>
      <c r="I128">
        <v>126</v>
      </c>
      <c r="J128">
        <v>741.8</v>
      </c>
      <c r="K128">
        <v>490</v>
      </c>
      <c r="M128">
        <v>126</v>
      </c>
      <c r="N128">
        <v>918.3</v>
      </c>
      <c r="O128">
        <v>124</v>
      </c>
      <c r="Q128">
        <v>126</v>
      </c>
      <c r="R128">
        <v>1750.7</v>
      </c>
      <c r="S128">
        <v>274</v>
      </c>
      <c r="U128">
        <v>126</v>
      </c>
      <c r="V128">
        <v>956.3</v>
      </c>
      <c r="W128">
        <v>491</v>
      </c>
      <c r="AG128">
        <v>126</v>
      </c>
      <c r="AH128">
        <v>723.2</v>
      </c>
      <c r="AI128">
        <v>1054</v>
      </c>
      <c r="AO128">
        <v>126</v>
      </c>
      <c r="AP128">
        <v>672.3</v>
      </c>
      <c r="AQ128">
        <v>812</v>
      </c>
      <c r="AS128">
        <v>126</v>
      </c>
      <c r="AT128">
        <v>752.3</v>
      </c>
      <c r="AU128">
        <v>321</v>
      </c>
      <c r="AW128">
        <v>126</v>
      </c>
      <c r="AX128">
        <v>933.3</v>
      </c>
      <c r="AY128">
        <v>111</v>
      </c>
      <c r="BA128">
        <v>126</v>
      </c>
      <c r="BB128">
        <v>723.4</v>
      </c>
      <c r="BC128">
        <v>524</v>
      </c>
      <c r="BE128">
        <v>126</v>
      </c>
      <c r="BF128">
        <v>818.3</v>
      </c>
      <c r="BG128">
        <v>2552</v>
      </c>
      <c r="BI128">
        <v>126</v>
      </c>
      <c r="BJ128">
        <v>2082.4</v>
      </c>
      <c r="BK128">
        <v>297</v>
      </c>
    </row>
    <row r="129" spans="5:63" x14ac:dyDescent="0.25">
      <c r="E129">
        <v>127</v>
      </c>
      <c r="F129">
        <v>1240.3</v>
      </c>
      <c r="G129">
        <v>151</v>
      </c>
      <c r="I129">
        <v>127</v>
      </c>
      <c r="J129">
        <v>748.2</v>
      </c>
      <c r="K129">
        <v>570</v>
      </c>
      <c r="M129">
        <v>127</v>
      </c>
      <c r="N129">
        <v>922.3</v>
      </c>
      <c r="O129">
        <v>210</v>
      </c>
      <c r="Q129">
        <v>127</v>
      </c>
      <c r="R129">
        <v>1751.4</v>
      </c>
      <c r="S129">
        <v>398</v>
      </c>
      <c r="U129">
        <v>127</v>
      </c>
      <c r="V129">
        <v>956.4</v>
      </c>
      <c r="W129">
        <v>612</v>
      </c>
      <c r="AG129">
        <v>127</v>
      </c>
      <c r="AH129">
        <v>729.2</v>
      </c>
      <c r="AI129">
        <v>899</v>
      </c>
      <c r="AO129">
        <v>127</v>
      </c>
      <c r="AP129">
        <v>679.2</v>
      </c>
      <c r="AQ129">
        <v>1912</v>
      </c>
      <c r="AS129">
        <v>127</v>
      </c>
      <c r="AT129">
        <v>760.8</v>
      </c>
      <c r="AU129">
        <v>890</v>
      </c>
      <c r="AW129">
        <v>127</v>
      </c>
      <c r="AX129">
        <v>934.4</v>
      </c>
      <c r="AY129">
        <v>225</v>
      </c>
      <c r="BA129">
        <v>127</v>
      </c>
      <c r="BB129">
        <v>730.2</v>
      </c>
      <c r="BC129">
        <v>1169</v>
      </c>
      <c r="BE129">
        <v>127</v>
      </c>
      <c r="BF129">
        <v>819.4</v>
      </c>
      <c r="BG129">
        <v>1084</v>
      </c>
      <c r="BI129">
        <v>127</v>
      </c>
      <c r="BJ129">
        <v>2082.9</v>
      </c>
      <c r="BK129">
        <v>883</v>
      </c>
    </row>
    <row r="130" spans="5:63" x14ac:dyDescent="0.25">
      <c r="E130">
        <v>128</v>
      </c>
      <c r="F130">
        <v>1257.4000000000001</v>
      </c>
      <c r="G130">
        <v>357</v>
      </c>
      <c r="I130">
        <v>128</v>
      </c>
      <c r="J130">
        <v>749.2</v>
      </c>
      <c r="K130">
        <v>270</v>
      </c>
      <c r="M130">
        <v>128</v>
      </c>
      <c r="N130">
        <v>923.2</v>
      </c>
      <c r="O130">
        <v>339</v>
      </c>
      <c r="Q130">
        <v>128</v>
      </c>
      <c r="R130">
        <v>1751.5</v>
      </c>
      <c r="S130">
        <v>435</v>
      </c>
      <c r="U130">
        <v>128</v>
      </c>
      <c r="V130">
        <v>956.9</v>
      </c>
      <c r="W130">
        <v>363</v>
      </c>
      <c r="AG130">
        <v>128</v>
      </c>
      <c r="AH130">
        <v>748.2</v>
      </c>
      <c r="AI130">
        <v>3104</v>
      </c>
      <c r="AO130">
        <v>128</v>
      </c>
      <c r="AP130">
        <v>679.7</v>
      </c>
      <c r="AQ130">
        <v>285</v>
      </c>
      <c r="AS130">
        <v>128</v>
      </c>
      <c r="AT130">
        <v>782.3</v>
      </c>
      <c r="AU130">
        <v>453</v>
      </c>
      <c r="AW130">
        <v>128</v>
      </c>
      <c r="AX130">
        <v>936.9</v>
      </c>
      <c r="AY130">
        <v>1666</v>
      </c>
      <c r="BA130">
        <v>128</v>
      </c>
      <c r="BB130">
        <v>730.4</v>
      </c>
      <c r="BC130">
        <v>1161</v>
      </c>
      <c r="BE130">
        <v>128</v>
      </c>
      <c r="BF130">
        <v>819.8</v>
      </c>
      <c r="BG130">
        <v>112</v>
      </c>
      <c r="BI130">
        <v>128</v>
      </c>
      <c r="BJ130">
        <v>2083.6999999999998</v>
      </c>
      <c r="BK130">
        <v>469</v>
      </c>
    </row>
    <row r="131" spans="5:63" x14ac:dyDescent="0.25">
      <c r="E131">
        <v>129</v>
      </c>
      <c r="F131">
        <v>1260.5</v>
      </c>
      <c r="G131">
        <v>168</v>
      </c>
      <c r="I131">
        <v>129</v>
      </c>
      <c r="J131">
        <v>750.1</v>
      </c>
      <c r="K131">
        <v>520</v>
      </c>
      <c r="M131">
        <v>129</v>
      </c>
      <c r="N131">
        <v>924.7</v>
      </c>
      <c r="O131">
        <v>351</v>
      </c>
      <c r="Q131">
        <v>129</v>
      </c>
      <c r="R131">
        <v>1752.5</v>
      </c>
      <c r="S131">
        <v>1179</v>
      </c>
      <c r="U131">
        <v>129</v>
      </c>
      <c r="V131">
        <v>957.4</v>
      </c>
      <c r="W131">
        <v>340</v>
      </c>
      <c r="AG131">
        <v>129</v>
      </c>
      <c r="AH131">
        <v>749.1</v>
      </c>
      <c r="AI131">
        <v>1457</v>
      </c>
      <c r="AO131">
        <v>129</v>
      </c>
      <c r="AP131">
        <v>680.9</v>
      </c>
      <c r="AQ131">
        <v>2103</v>
      </c>
      <c r="AS131">
        <v>129</v>
      </c>
      <c r="AT131">
        <v>783.2</v>
      </c>
      <c r="AU131">
        <v>335</v>
      </c>
      <c r="AW131">
        <v>129</v>
      </c>
      <c r="AX131">
        <v>937.4</v>
      </c>
      <c r="AY131">
        <v>695</v>
      </c>
      <c r="BA131">
        <v>129</v>
      </c>
      <c r="BB131">
        <v>730.7</v>
      </c>
      <c r="BC131">
        <v>2795</v>
      </c>
      <c r="BE131">
        <v>129</v>
      </c>
      <c r="BF131">
        <v>820.4</v>
      </c>
      <c r="BG131">
        <v>323</v>
      </c>
    </row>
    <row r="132" spans="5:63" x14ac:dyDescent="0.25">
      <c r="E132">
        <v>130</v>
      </c>
      <c r="F132">
        <v>1281.5999999999999</v>
      </c>
      <c r="G132">
        <v>292</v>
      </c>
      <c r="I132">
        <v>130</v>
      </c>
      <c r="J132">
        <v>750.7</v>
      </c>
      <c r="K132">
        <v>343</v>
      </c>
      <c r="M132">
        <v>130</v>
      </c>
      <c r="N132">
        <v>934.8</v>
      </c>
      <c r="O132">
        <v>450</v>
      </c>
      <c r="Q132">
        <v>130</v>
      </c>
      <c r="R132">
        <v>1753.5</v>
      </c>
      <c r="S132">
        <v>377</v>
      </c>
      <c r="U132">
        <v>130</v>
      </c>
      <c r="V132">
        <v>957.8</v>
      </c>
      <c r="W132">
        <v>1513</v>
      </c>
      <c r="AG132">
        <v>130</v>
      </c>
      <c r="AH132">
        <v>750.2</v>
      </c>
      <c r="AI132">
        <v>1592</v>
      </c>
      <c r="AO132">
        <v>130</v>
      </c>
      <c r="AP132">
        <v>681.3</v>
      </c>
      <c r="AQ132">
        <v>920</v>
      </c>
      <c r="AS132">
        <v>130</v>
      </c>
      <c r="AT132">
        <v>783.8</v>
      </c>
      <c r="AU132">
        <v>167</v>
      </c>
      <c r="AW132">
        <v>130</v>
      </c>
      <c r="AX132">
        <v>937.6</v>
      </c>
      <c r="AY132">
        <v>418</v>
      </c>
      <c r="BA132">
        <v>130</v>
      </c>
      <c r="BB132">
        <v>731.2</v>
      </c>
      <c r="BC132">
        <v>1119</v>
      </c>
      <c r="BE132">
        <v>130</v>
      </c>
      <c r="BF132">
        <v>825</v>
      </c>
      <c r="BG132">
        <v>475</v>
      </c>
    </row>
    <row r="133" spans="5:63" x14ac:dyDescent="0.25">
      <c r="E133">
        <v>131</v>
      </c>
      <c r="F133">
        <v>1297.3</v>
      </c>
      <c r="G133">
        <v>259</v>
      </c>
      <c r="I133">
        <v>131</v>
      </c>
      <c r="J133">
        <v>751.3</v>
      </c>
      <c r="K133">
        <v>809</v>
      </c>
      <c r="M133">
        <v>131</v>
      </c>
      <c r="N133">
        <v>935.9</v>
      </c>
      <c r="O133">
        <v>179</v>
      </c>
      <c r="Q133">
        <v>131</v>
      </c>
      <c r="R133">
        <v>1755.8</v>
      </c>
      <c r="S133">
        <v>140</v>
      </c>
      <c r="U133">
        <v>131</v>
      </c>
      <c r="V133">
        <v>958.3</v>
      </c>
      <c r="W133">
        <v>353</v>
      </c>
      <c r="AG133">
        <v>131</v>
      </c>
      <c r="AH133">
        <v>790.2</v>
      </c>
      <c r="AI133">
        <v>1309</v>
      </c>
      <c r="AO133">
        <v>131</v>
      </c>
      <c r="AP133">
        <v>681.8</v>
      </c>
      <c r="AQ133">
        <v>1620</v>
      </c>
      <c r="AS133">
        <v>131</v>
      </c>
      <c r="AT133">
        <v>790.8</v>
      </c>
      <c r="AU133">
        <v>106</v>
      </c>
      <c r="AW133">
        <v>131</v>
      </c>
      <c r="AX133">
        <v>937.8</v>
      </c>
      <c r="AY133">
        <v>279</v>
      </c>
      <c r="BA133">
        <v>131</v>
      </c>
      <c r="BB133">
        <v>731.8</v>
      </c>
      <c r="BC133">
        <v>595</v>
      </c>
      <c r="BE133">
        <v>131</v>
      </c>
      <c r="BF133">
        <v>825.3</v>
      </c>
      <c r="BG133">
        <v>743</v>
      </c>
    </row>
    <row r="134" spans="5:63" x14ac:dyDescent="0.25">
      <c r="E134">
        <v>132</v>
      </c>
      <c r="F134">
        <v>1298.3</v>
      </c>
      <c r="G134">
        <v>381</v>
      </c>
      <c r="I134">
        <v>132</v>
      </c>
      <c r="J134">
        <v>751.7</v>
      </c>
      <c r="K134">
        <v>102</v>
      </c>
      <c r="M134">
        <v>132</v>
      </c>
      <c r="N134">
        <v>947</v>
      </c>
      <c r="O134">
        <v>260</v>
      </c>
      <c r="Q134">
        <v>132</v>
      </c>
      <c r="R134">
        <v>1768.6</v>
      </c>
      <c r="S134">
        <v>691</v>
      </c>
      <c r="U134">
        <v>132</v>
      </c>
      <c r="V134">
        <v>958.6</v>
      </c>
      <c r="W134">
        <v>160</v>
      </c>
      <c r="AG134">
        <v>132</v>
      </c>
      <c r="AH134">
        <v>791.3</v>
      </c>
      <c r="AI134">
        <v>313</v>
      </c>
      <c r="AO134">
        <v>132</v>
      </c>
      <c r="AP134">
        <v>683.1</v>
      </c>
      <c r="AQ134">
        <v>198</v>
      </c>
      <c r="AS134">
        <v>132</v>
      </c>
      <c r="AT134">
        <v>791.3</v>
      </c>
      <c r="AU134">
        <v>2489</v>
      </c>
      <c r="AW134">
        <v>132</v>
      </c>
      <c r="AX134">
        <v>938.3</v>
      </c>
      <c r="AY134">
        <v>183</v>
      </c>
      <c r="BA134">
        <v>132</v>
      </c>
      <c r="BB134">
        <v>732.8</v>
      </c>
      <c r="BC134">
        <v>493</v>
      </c>
      <c r="BE134">
        <v>132</v>
      </c>
      <c r="BF134">
        <v>825.9</v>
      </c>
      <c r="BG134">
        <v>171</v>
      </c>
    </row>
    <row r="135" spans="5:63" x14ac:dyDescent="0.25">
      <c r="E135">
        <v>133</v>
      </c>
      <c r="F135">
        <v>1298.5999999999999</v>
      </c>
      <c r="G135">
        <v>216</v>
      </c>
      <c r="I135">
        <v>133</v>
      </c>
      <c r="J135">
        <v>752</v>
      </c>
      <c r="K135">
        <v>388</v>
      </c>
      <c r="M135">
        <v>133</v>
      </c>
      <c r="N135">
        <v>951.7</v>
      </c>
      <c r="O135">
        <v>165</v>
      </c>
      <c r="Q135">
        <v>133</v>
      </c>
      <c r="R135">
        <v>1769.7</v>
      </c>
      <c r="S135">
        <v>227</v>
      </c>
      <c r="U135">
        <v>133</v>
      </c>
      <c r="V135">
        <v>959</v>
      </c>
      <c r="W135">
        <v>252</v>
      </c>
      <c r="AG135">
        <v>133</v>
      </c>
      <c r="AH135">
        <v>808.5</v>
      </c>
      <c r="AI135">
        <v>220</v>
      </c>
      <c r="AO135">
        <v>133</v>
      </c>
      <c r="AP135">
        <v>688.2</v>
      </c>
      <c r="AQ135">
        <v>3818</v>
      </c>
      <c r="AS135">
        <v>133</v>
      </c>
      <c r="AT135">
        <v>791.9</v>
      </c>
      <c r="AU135">
        <v>1743</v>
      </c>
      <c r="AW135">
        <v>133</v>
      </c>
      <c r="AX135">
        <v>947.7</v>
      </c>
      <c r="AY135">
        <v>154</v>
      </c>
      <c r="BA135">
        <v>133</v>
      </c>
      <c r="BB135">
        <v>733.2</v>
      </c>
      <c r="BC135">
        <v>699</v>
      </c>
      <c r="BE135">
        <v>133</v>
      </c>
      <c r="BF135">
        <v>826.2</v>
      </c>
      <c r="BG135">
        <v>240</v>
      </c>
    </row>
    <row r="136" spans="5:63" x14ac:dyDescent="0.25">
      <c r="E136">
        <v>134</v>
      </c>
      <c r="F136">
        <v>1299.4000000000001</v>
      </c>
      <c r="G136">
        <v>129</v>
      </c>
      <c r="I136">
        <v>134</v>
      </c>
      <c r="J136">
        <v>753.3</v>
      </c>
      <c r="K136">
        <v>138</v>
      </c>
      <c r="M136">
        <v>134</v>
      </c>
      <c r="N136">
        <v>955.8</v>
      </c>
      <c r="O136">
        <v>139</v>
      </c>
      <c r="Q136">
        <v>134</v>
      </c>
      <c r="R136">
        <v>1771.6</v>
      </c>
      <c r="S136">
        <v>107</v>
      </c>
      <c r="U136">
        <v>134</v>
      </c>
      <c r="V136">
        <v>960.3</v>
      </c>
      <c r="W136">
        <v>260</v>
      </c>
      <c r="AG136">
        <v>134</v>
      </c>
      <c r="AH136">
        <v>851.5</v>
      </c>
      <c r="AI136">
        <v>443</v>
      </c>
      <c r="AO136">
        <v>134</v>
      </c>
      <c r="AP136">
        <v>688.8</v>
      </c>
      <c r="AQ136">
        <v>863</v>
      </c>
      <c r="AS136">
        <v>134</v>
      </c>
      <c r="AT136">
        <v>792.3</v>
      </c>
      <c r="AU136">
        <v>1339</v>
      </c>
      <c r="AW136">
        <v>134</v>
      </c>
      <c r="AX136">
        <v>948</v>
      </c>
      <c r="AY136">
        <v>157</v>
      </c>
      <c r="BA136">
        <v>134</v>
      </c>
      <c r="BB136">
        <v>739.2</v>
      </c>
      <c r="BC136">
        <v>905</v>
      </c>
      <c r="BE136">
        <v>134</v>
      </c>
      <c r="BF136">
        <v>826.8</v>
      </c>
      <c r="BG136">
        <v>240</v>
      </c>
    </row>
    <row r="137" spans="5:63" x14ac:dyDescent="0.25">
      <c r="E137">
        <v>135</v>
      </c>
      <c r="F137">
        <v>1300.8</v>
      </c>
      <c r="G137">
        <v>155</v>
      </c>
      <c r="I137">
        <v>135</v>
      </c>
      <c r="J137">
        <v>758.2</v>
      </c>
      <c r="K137">
        <v>114</v>
      </c>
      <c r="M137">
        <v>135</v>
      </c>
      <c r="N137">
        <v>963.9</v>
      </c>
      <c r="O137">
        <v>550</v>
      </c>
      <c r="Q137">
        <v>135</v>
      </c>
      <c r="R137">
        <v>1828.8</v>
      </c>
      <c r="S137">
        <v>185</v>
      </c>
      <c r="U137">
        <v>135</v>
      </c>
      <c r="V137">
        <v>968.3</v>
      </c>
      <c r="W137">
        <v>957</v>
      </c>
      <c r="AG137">
        <v>135</v>
      </c>
      <c r="AH137">
        <v>873.5</v>
      </c>
      <c r="AI137">
        <v>324</v>
      </c>
      <c r="AO137">
        <v>135</v>
      </c>
      <c r="AP137">
        <v>689.6</v>
      </c>
      <c r="AQ137">
        <v>1330</v>
      </c>
      <c r="AS137">
        <v>135</v>
      </c>
      <c r="AT137">
        <v>792.9</v>
      </c>
      <c r="AU137">
        <v>156</v>
      </c>
      <c r="AW137">
        <v>135</v>
      </c>
      <c r="AX137">
        <v>948.9</v>
      </c>
      <c r="AY137">
        <v>208</v>
      </c>
      <c r="BA137">
        <v>135</v>
      </c>
      <c r="BB137">
        <v>740.7</v>
      </c>
      <c r="BC137">
        <v>374</v>
      </c>
      <c r="BE137">
        <v>135</v>
      </c>
      <c r="BF137">
        <v>827.4</v>
      </c>
      <c r="BG137">
        <v>103</v>
      </c>
    </row>
    <row r="138" spans="5:63" x14ac:dyDescent="0.25">
      <c r="E138">
        <v>136</v>
      </c>
      <c r="F138">
        <v>1372.4</v>
      </c>
      <c r="G138">
        <v>337</v>
      </c>
      <c r="I138">
        <v>136</v>
      </c>
      <c r="J138">
        <v>761.3</v>
      </c>
      <c r="K138">
        <v>590</v>
      </c>
      <c r="M138">
        <v>136</v>
      </c>
      <c r="N138">
        <v>964.8</v>
      </c>
      <c r="O138">
        <v>1065</v>
      </c>
      <c r="Q138">
        <v>136</v>
      </c>
      <c r="R138">
        <v>1829.8</v>
      </c>
      <c r="S138">
        <v>159</v>
      </c>
      <c r="U138">
        <v>136</v>
      </c>
      <c r="V138">
        <v>968.9</v>
      </c>
      <c r="W138">
        <v>919</v>
      </c>
      <c r="AG138">
        <v>136</v>
      </c>
      <c r="AH138">
        <v>874.3</v>
      </c>
      <c r="AI138">
        <v>225</v>
      </c>
      <c r="AO138">
        <v>136</v>
      </c>
      <c r="AP138">
        <v>690.1</v>
      </c>
      <c r="AQ138">
        <v>1271</v>
      </c>
      <c r="AS138">
        <v>136</v>
      </c>
      <c r="AT138">
        <v>793.5</v>
      </c>
      <c r="AU138">
        <v>608</v>
      </c>
      <c r="AW138">
        <v>136</v>
      </c>
      <c r="AX138">
        <v>949.3</v>
      </c>
      <c r="AY138">
        <v>574</v>
      </c>
      <c r="BA138">
        <v>136</v>
      </c>
      <c r="BB138">
        <v>743.2</v>
      </c>
      <c r="BC138">
        <v>347</v>
      </c>
      <c r="BE138">
        <v>136</v>
      </c>
      <c r="BF138">
        <v>833.8</v>
      </c>
      <c r="BG138">
        <v>380</v>
      </c>
    </row>
    <row r="139" spans="5:63" x14ac:dyDescent="0.25">
      <c r="E139">
        <v>137</v>
      </c>
      <c r="F139">
        <v>1404.3</v>
      </c>
      <c r="G139">
        <v>347</v>
      </c>
      <c r="I139">
        <v>137</v>
      </c>
      <c r="J139">
        <v>766.2</v>
      </c>
      <c r="K139">
        <v>221</v>
      </c>
      <c r="M139">
        <v>137</v>
      </c>
      <c r="N139">
        <v>965.4</v>
      </c>
      <c r="O139">
        <v>327</v>
      </c>
      <c r="Q139">
        <v>137</v>
      </c>
      <c r="R139">
        <v>1915.7</v>
      </c>
      <c r="S139">
        <v>153</v>
      </c>
      <c r="U139">
        <v>137</v>
      </c>
      <c r="V139">
        <v>969.4</v>
      </c>
      <c r="W139">
        <v>467</v>
      </c>
      <c r="AG139">
        <v>137</v>
      </c>
      <c r="AH139">
        <v>878.5</v>
      </c>
      <c r="AI139">
        <v>218</v>
      </c>
      <c r="AO139">
        <v>137</v>
      </c>
      <c r="AP139">
        <v>691.8</v>
      </c>
      <c r="AQ139">
        <v>519</v>
      </c>
      <c r="AS139">
        <v>137</v>
      </c>
      <c r="AT139">
        <v>797.8</v>
      </c>
      <c r="AU139">
        <v>210</v>
      </c>
      <c r="AW139">
        <v>137</v>
      </c>
      <c r="AX139">
        <v>1001.2</v>
      </c>
      <c r="AY139">
        <v>104</v>
      </c>
      <c r="BA139">
        <v>137</v>
      </c>
      <c r="BB139">
        <v>744.2</v>
      </c>
      <c r="BC139">
        <v>665</v>
      </c>
      <c r="BE139">
        <v>137</v>
      </c>
      <c r="BF139">
        <v>835.3</v>
      </c>
      <c r="BG139">
        <v>14302</v>
      </c>
    </row>
    <row r="140" spans="5:63" x14ac:dyDescent="0.25">
      <c r="E140">
        <v>138</v>
      </c>
      <c r="F140">
        <v>1446.3</v>
      </c>
      <c r="G140">
        <v>147</v>
      </c>
      <c r="I140">
        <v>138</v>
      </c>
      <c r="J140">
        <v>766.8</v>
      </c>
      <c r="K140">
        <v>467</v>
      </c>
      <c r="M140">
        <v>138</v>
      </c>
      <c r="N140">
        <v>965.9</v>
      </c>
      <c r="O140">
        <v>195</v>
      </c>
      <c r="U140">
        <v>138</v>
      </c>
      <c r="V140">
        <v>970.4</v>
      </c>
      <c r="W140">
        <v>227</v>
      </c>
      <c r="AG140">
        <v>138</v>
      </c>
      <c r="AH140">
        <v>891.3</v>
      </c>
      <c r="AI140">
        <v>457</v>
      </c>
      <c r="AO140">
        <v>138</v>
      </c>
      <c r="AP140">
        <v>692.8</v>
      </c>
      <c r="AQ140">
        <v>314</v>
      </c>
      <c r="AS140">
        <v>138</v>
      </c>
      <c r="AT140">
        <v>799</v>
      </c>
      <c r="AU140">
        <v>104</v>
      </c>
      <c r="AW140">
        <v>138</v>
      </c>
      <c r="AX140">
        <v>1003.3</v>
      </c>
      <c r="AY140">
        <v>389</v>
      </c>
      <c r="BA140">
        <v>138</v>
      </c>
      <c r="BB140">
        <v>745.8</v>
      </c>
      <c r="BC140">
        <v>160</v>
      </c>
      <c r="BE140">
        <v>138</v>
      </c>
      <c r="BF140">
        <v>836.3</v>
      </c>
      <c r="BG140">
        <v>3109</v>
      </c>
    </row>
    <row r="141" spans="5:63" x14ac:dyDescent="0.25">
      <c r="E141">
        <v>139</v>
      </c>
      <c r="F141">
        <v>1446.5</v>
      </c>
      <c r="G141">
        <v>536</v>
      </c>
      <c r="I141">
        <v>139</v>
      </c>
      <c r="J141">
        <v>768.1</v>
      </c>
      <c r="K141">
        <v>178</v>
      </c>
      <c r="M141">
        <v>139</v>
      </c>
      <c r="N141">
        <v>966.5</v>
      </c>
      <c r="O141">
        <v>255</v>
      </c>
      <c r="U141">
        <v>139</v>
      </c>
      <c r="V141">
        <v>970.8</v>
      </c>
      <c r="W141">
        <v>344</v>
      </c>
      <c r="AG141">
        <v>139</v>
      </c>
      <c r="AH141">
        <v>892.4</v>
      </c>
      <c r="AI141">
        <v>1245</v>
      </c>
      <c r="AO141">
        <v>139</v>
      </c>
      <c r="AP141">
        <v>700.3</v>
      </c>
      <c r="AQ141">
        <v>4409</v>
      </c>
      <c r="AS141">
        <v>139</v>
      </c>
      <c r="AT141">
        <v>802.4</v>
      </c>
      <c r="AU141">
        <v>1503</v>
      </c>
      <c r="AW141">
        <v>139</v>
      </c>
      <c r="AX141">
        <v>1024.3</v>
      </c>
      <c r="AY141">
        <v>156</v>
      </c>
      <c r="BA141">
        <v>139</v>
      </c>
      <c r="BB141">
        <v>746.4</v>
      </c>
      <c r="BC141">
        <v>571</v>
      </c>
      <c r="BE141">
        <v>139</v>
      </c>
      <c r="BF141">
        <v>836.8</v>
      </c>
      <c r="BG141">
        <v>526</v>
      </c>
    </row>
    <row r="142" spans="5:63" x14ac:dyDescent="0.25">
      <c r="E142">
        <v>140</v>
      </c>
      <c r="F142">
        <v>1447.7</v>
      </c>
      <c r="G142">
        <v>480</v>
      </c>
      <c r="I142">
        <v>140</v>
      </c>
      <c r="J142">
        <v>771.3</v>
      </c>
      <c r="K142">
        <v>174</v>
      </c>
      <c r="M142">
        <v>140</v>
      </c>
      <c r="N142">
        <v>973.8</v>
      </c>
      <c r="O142">
        <v>293</v>
      </c>
      <c r="U142">
        <v>140</v>
      </c>
      <c r="V142">
        <v>976.9</v>
      </c>
      <c r="W142">
        <v>364</v>
      </c>
      <c r="AG142">
        <v>140</v>
      </c>
      <c r="AH142">
        <v>893.1</v>
      </c>
      <c r="AI142">
        <v>623</v>
      </c>
      <c r="AO142">
        <v>140</v>
      </c>
      <c r="AP142">
        <v>700.7</v>
      </c>
      <c r="AQ142">
        <v>3603</v>
      </c>
      <c r="AS142">
        <v>140</v>
      </c>
      <c r="AT142">
        <v>802.8</v>
      </c>
      <c r="AU142">
        <v>1177</v>
      </c>
      <c r="AW142">
        <v>140</v>
      </c>
      <c r="AX142">
        <v>1040.3</v>
      </c>
      <c r="AY142">
        <v>204</v>
      </c>
      <c r="BA142">
        <v>140</v>
      </c>
      <c r="BB142">
        <v>747.2</v>
      </c>
      <c r="BC142">
        <v>441</v>
      </c>
      <c r="BE142">
        <v>140</v>
      </c>
      <c r="BF142">
        <v>837.4</v>
      </c>
      <c r="BG142">
        <v>1990</v>
      </c>
    </row>
    <row r="143" spans="5:63" x14ac:dyDescent="0.25">
      <c r="I143">
        <v>141</v>
      </c>
      <c r="J143">
        <v>771.8</v>
      </c>
      <c r="K143">
        <v>292</v>
      </c>
      <c r="M143">
        <v>141</v>
      </c>
      <c r="N143">
        <v>974.4</v>
      </c>
      <c r="O143">
        <v>369</v>
      </c>
      <c r="U143">
        <v>141</v>
      </c>
      <c r="V143">
        <v>977.3</v>
      </c>
      <c r="W143">
        <v>1352</v>
      </c>
      <c r="AG143">
        <v>141</v>
      </c>
      <c r="AH143">
        <v>893.4</v>
      </c>
      <c r="AI143">
        <v>1820</v>
      </c>
      <c r="AO143">
        <v>141</v>
      </c>
      <c r="AP143">
        <v>701.2</v>
      </c>
      <c r="AQ143">
        <v>912</v>
      </c>
      <c r="AS143">
        <v>141</v>
      </c>
      <c r="AT143">
        <v>803.8</v>
      </c>
      <c r="AU143">
        <v>285</v>
      </c>
      <c r="AW143">
        <v>141</v>
      </c>
      <c r="AX143">
        <v>1054.5999999999999</v>
      </c>
      <c r="AY143">
        <v>104</v>
      </c>
      <c r="BA143">
        <v>141</v>
      </c>
      <c r="BB143">
        <v>747.9</v>
      </c>
      <c r="BC143">
        <v>268</v>
      </c>
      <c r="BE143">
        <v>141</v>
      </c>
      <c r="BF143">
        <v>838.3</v>
      </c>
      <c r="BG143">
        <v>335</v>
      </c>
    </row>
    <row r="144" spans="5:63" x14ac:dyDescent="0.25">
      <c r="I144">
        <v>142</v>
      </c>
      <c r="J144">
        <v>773.9</v>
      </c>
      <c r="K144">
        <v>336</v>
      </c>
      <c r="M144">
        <v>142</v>
      </c>
      <c r="N144">
        <v>974.8</v>
      </c>
      <c r="O144">
        <v>116</v>
      </c>
      <c r="U144">
        <v>142</v>
      </c>
      <c r="V144">
        <v>977.8</v>
      </c>
      <c r="W144">
        <v>152</v>
      </c>
      <c r="AG144">
        <v>142</v>
      </c>
      <c r="AH144">
        <v>894.3</v>
      </c>
      <c r="AI144">
        <v>166</v>
      </c>
      <c r="AO144">
        <v>142</v>
      </c>
      <c r="AP144">
        <v>701.8</v>
      </c>
      <c r="AQ144">
        <v>1547</v>
      </c>
      <c r="AS144">
        <v>142</v>
      </c>
      <c r="AT144">
        <v>851.2</v>
      </c>
      <c r="AU144">
        <v>318</v>
      </c>
      <c r="AW144">
        <v>142</v>
      </c>
      <c r="AX144">
        <v>1057.4000000000001</v>
      </c>
      <c r="AY144">
        <v>357</v>
      </c>
      <c r="BA144">
        <v>142</v>
      </c>
      <c r="BB144">
        <v>749.2</v>
      </c>
      <c r="BC144">
        <v>165</v>
      </c>
      <c r="BE144">
        <v>142</v>
      </c>
      <c r="BF144">
        <v>845.8</v>
      </c>
      <c r="BG144">
        <v>1888</v>
      </c>
    </row>
    <row r="145" spans="9:59" x14ac:dyDescent="0.25">
      <c r="I145">
        <v>143</v>
      </c>
      <c r="J145">
        <v>778.8</v>
      </c>
      <c r="K145">
        <v>131</v>
      </c>
      <c r="M145">
        <v>143</v>
      </c>
      <c r="N145">
        <v>976.1</v>
      </c>
      <c r="O145">
        <v>129</v>
      </c>
      <c r="U145">
        <v>143</v>
      </c>
      <c r="V145">
        <v>978.4</v>
      </c>
      <c r="W145">
        <v>614</v>
      </c>
      <c r="AG145">
        <v>143</v>
      </c>
      <c r="AH145">
        <v>895.2</v>
      </c>
      <c r="AI145">
        <v>1253</v>
      </c>
      <c r="AO145">
        <v>143</v>
      </c>
      <c r="AP145">
        <v>702.8</v>
      </c>
      <c r="AQ145">
        <v>390</v>
      </c>
      <c r="AS145">
        <v>143</v>
      </c>
      <c r="AT145">
        <v>853.2</v>
      </c>
      <c r="AU145">
        <v>265</v>
      </c>
      <c r="AW145">
        <v>143</v>
      </c>
      <c r="AX145">
        <v>1059.4000000000001</v>
      </c>
      <c r="AY145">
        <v>184</v>
      </c>
      <c r="BA145">
        <v>143</v>
      </c>
      <c r="BB145">
        <v>754.2</v>
      </c>
      <c r="BC145">
        <v>147</v>
      </c>
      <c r="BE145">
        <v>143</v>
      </c>
      <c r="BF145">
        <v>846.5</v>
      </c>
      <c r="BG145">
        <v>367</v>
      </c>
    </row>
    <row r="146" spans="9:59" x14ac:dyDescent="0.25">
      <c r="I146">
        <v>144</v>
      </c>
      <c r="J146">
        <v>779.5</v>
      </c>
      <c r="K146">
        <v>127</v>
      </c>
      <c r="M146">
        <v>144</v>
      </c>
      <c r="N146">
        <v>979.8</v>
      </c>
      <c r="O146">
        <v>183</v>
      </c>
      <c r="U146">
        <v>144</v>
      </c>
      <c r="V146">
        <v>979</v>
      </c>
      <c r="W146">
        <v>230</v>
      </c>
      <c r="AG146">
        <v>144</v>
      </c>
      <c r="AH146">
        <v>896.3</v>
      </c>
      <c r="AI146">
        <v>938</v>
      </c>
      <c r="AO146">
        <v>144</v>
      </c>
      <c r="AP146">
        <v>709.1</v>
      </c>
      <c r="AQ146">
        <v>4216</v>
      </c>
      <c r="AS146">
        <v>144</v>
      </c>
      <c r="AT146">
        <v>854.3</v>
      </c>
      <c r="AU146">
        <v>163</v>
      </c>
      <c r="AW146">
        <v>144</v>
      </c>
      <c r="AX146">
        <v>1098.5</v>
      </c>
      <c r="AY146">
        <v>341</v>
      </c>
      <c r="BA146">
        <v>144</v>
      </c>
      <c r="BB146">
        <v>755.1</v>
      </c>
      <c r="BC146">
        <v>212</v>
      </c>
      <c r="BE146">
        <v>144</v>
      </c>
      <c r="BF146">
        <v>847</v>
      </c>
      <c r="BG146">
        <v>515</v>
      </c>
    </row>
    <row r="147" spans="9:59" x14ac:dyDescent="0.25">
      <c r="I147">
        <v>145</v>
      </c>
      <c r="J147">
        <v>780.8</v>
      </c>
      <c r="K147">
        <v>225</v>
      </c>
      <c r="M147">
        <v>145</v>
      </c>
      <c r="N147">
        <v>985</v>
      </c>
      <c r="O147">
        <v>226</v>
      </c>
      <c r="U147">
        <v>145</v>
      </c>
      <c r="V147">
        <v>986.9</v>
      </c>
      <c r="W147">
        <v>170</v>
      </c>
      <c r="AG147">
        <v>145</v>
      </c>
      <c r="AH147">
        <v>896.6</v>
      </c>
      <c r="AI147">
        <v>301</v>
      </c>
      <c r="AO147">
        <v>145</v>
      </c>
      <c r="AP147">
        <v>709.7</v>
      </c>
      <c r="AQ147">
        <v>353</v>
      </c>
      <c r="AS147">
        <v>145</v>
      </c>
      <c r="AT147">
        <v>855.3</v>
      </c>
      <c r="AU147">
        <v>419</v>
      </c>
      <c r="AW147">
        <v>145</v>
      </c>
      <c r="AX147">
        <v>1099.5999999999999</v>
      </c>
      <c r="AY147">
        <v>164</v>
      </c>
      <c r="BA147">
        <v>145</v>
      </c>
      <c r="BB147">
        <v>760.3</v>
      </c>
      <c r="BC147">
        <v>1269</v>
      </c>
      <c r="BE147">
        <v>145</v>
      </c>
      <c r="BF147">
        <v>847.3</v>
      </c>
      <c r="BG147">
        <v>239</v>
      </c>
    </row>
    <row r="148" spans="9:59" x14ac:dyDescent="0.25">
      <c r="I148">
        <v>146</v>
      </c>
      <c r="J148">
        <v>781.7</v>
      </c>
      <c r="K148">
        <v>132</v>
      </c>
      <c r="M148">
        <v>146</v>
      </c>
      <c r="N148">
        <v>986.3</v>
      </c>
      <c r="O148">
        <v>295</v>
      </c>
      <c r="U148">
        <v>146</v>
      </c>
      <c r="V148">
        <v>990.2</v>
      </c>
      <c r="W148">
        <v>329</v>
      </c>
      <c r="AG148">
        <v>146</v>
      </c>
      <c r="AH148">
        <v>909.1</v>
      </c>
      <c r="AI148">
        <v>733</v>
      </c>
      <c r="AO148">
        <v>146</v>
      </c>
      <c r="AP148">
        <v>710.3</v>
      </c>
      <c r="AQ148">
        <v>1742</v>
      </c>
      <c r="AS148">
        <v>146</v>
      </c>
      <c r="AT148">
        <v>891.6</v>
      </c>
      <c r="AU148">
        <v>294</v>
      </c>
      <c r="AW148">
        <v>146</v>
      </c>
      <c r="AX148">
        <v>1116.4000000000001</v>
      </c>
      <c r="AY148">
        <v>108</v>
      </c>
      <c r="BA148">
        <v>146</v>
      </c>
      <c r="BB148">
        <v>762.2</v>
      </c>
      <c r="BC148">
        <v>333</v>
      </c>
      <c r="BE148">
        <v>146</v>
      </c>
      <c r="BF148">
        <v>847.9</v>
      </c>
      <c r="BG148">
        <v>656</v>
      </c>
    </row>
    <row r="149" spans="9:59" x14ac:dyDescent="0.25">
      <c r="I149">
        <v>147</v>
      </c>
      <c r="J149">
        <v>782.3</v>
      </c>
      <c r="K149">
        <v>2013</v>
      </c>
      <c r="M149">
        <v>147</v>
      </c>
      <c r="N149">
        <v>1078.2</v>
      </c>
      <c r="O149">
        <v>130</v>
      </c>
      <c r="U149">
        <v>147</v>
      </c>
      <c r="V149">
        <v>992.3</v>
      </c>
      <c r="W149">
        <v>481</v>
      </c>
      <c r="AG149">
        <v>147</v>
      </c>
      <c r="AH149">
        <v>910.4</v>
      </c>
      <c r="AI149">
        <v>585</v>
      </c>
      <c r="AO149">
        <v>147</v>
      </c>
      <c r="AP149">
        <v>710.8</v>
      </c>
      <c r="AQ149">
        <v>13552</v>
      </c>
      <c r="AS149">
        <v>147</v>
      </c>
      <c r="AT149">
        <v>892.2</v>
      </c>
      <c r="AU149">
        <v>644</v>
      </c>
      <c r="AW149">
        <v>147</v>
      </c>
      <c r="AX149">
        <v>1141.5</v>
      </c>
      <c r="AY149">
        <v>126</v>
      </c>
      <c r="BA149">
        <v>147</v>
      </c>
      <c r="BB149">
        <v>763.7</v>
      </c>
      <c r="BC149">
        <v>764</v>
      </c>
      <c r="BE149">
        <v>147</v>
      </c>
      <c r="BF149">
        <v>852.7</v>
      </c>
      <c r="BG149">
        <v>183</v>
      </c>
    </row>
    <row r="150" spans="9:59" x14ac:dyDescent="0.25">
      <c r="I150">
        <v>148</v>
      </c>
      <c r="J150">
        <v>782.8</v>
      </c>
      <c r="K150">
        <v>1182</v>
      </c>
      <c r="M150">
        <v>148</v>
      </c>
      <c r="N150">
        <v>1079.3</v>
      </c>
      <c r="O150">
        <v>116</v>
      </c>
      <c r="U150">
        <v>148</v>
      </c>
      <c r="V150">
        <v>992.9</v>
      </c>
      <c r="W150">
        <v>721</v>
      </c>
      <c r="AG150">
        <v>148</v>
      </c>
      <c r="AH150">
        <v>934.2</v>
      </c>
      <c r="AI150">
        <v>497</v>
      </c>
      <c r="AO150">
        <v>148</v>
      </c>
      <c r="AP150">
        <v>711.3</v>
      </c>
      <c r="AQ150">
        <v>4359</v>
      </c>
      <c r="AS150">
        <v>148</v>
      </c>
      <c r="AT150">
        <v>893.5</v>
      </c>
      <c r="AU150">
        <v>108</v>
      </c>
      <c r="AW150">
        <v>148</v>
      </c>
      <c r="AX150">
        <v>1157.5</v>
      </c>
      <c r="AY150">
        <v>214</v>
      </c>
      <c r="BA150">
        <v>148</v>
      </c>
      <c r="BB150">
        <v>770.2</v>
      </c>
      <c r="BC150">
        <v>442</v>
      </c>
      <c r="BE150">
        <v>148</v>
      </c>
      <c r="BF150">
        <v>853.7</v>
      </c>
      <c r="BG150">
        <v>243</v>
      </c>
    </row>
    <row r="151" spans="9:59" x14ac:dyDescent="0.25">
      <c r="I151">
        <v>149</v>
      </c>
      <c r="J151">
        <v>783.2</v>
      </c>
      <c r="K151">
        <v>128</v>
      </c>
      <c r="M151">
        <v>149</v>
      </c>
      <c r="N151">
        <v>1081.3</v>
      </c>
      <c r="O151">
        <v>386</v>
      </c>
      <c r="U151">
        <v>149</v>
      </c>
      <c r="V151">
        <v>1004.7</v>
      </c>
      <c r="W151">
        <v>162</v>
      </c>
      <c r="AG151">
        <v>149</v>
      </c>
      <c r="AH151">
        <v>934.4</v>
      </c>
      <c r="AI151">
        <v>1132</v>
      </c>
      <c r="AO151">
        <v>149</v>
      </c>
      <c r="AP151">
        <v>711.8</v>
      </c>
      <c r="AQ151">
        <v>4082</v>
      </c>
      <c r="AS151">
        <v>149</v>
      </c>
      <c r="AT151">
        <v>894.3</v>
      </c>
      <c r="AU151">
        <v>1060</v>
      </c>
      <c r="AW151">
        <v>149</v>
      </c>
      <c r="AX151">
        <v>1159.2</v>
      </c>
      <c r="AY151">
        <v>137</v>
      </c>
      <c r="BA151">
        <v>149</v>
      </c>
      <c r="BB151">
        <v>773.5</v>
      </c>
      <c r="BC151">
        <v>515</v>
      </c>
      <c r="BE151">
        <v>149</v>
      </c>
      <c r="BF151">
        <v>854.2</v>
      </c>
      <c r="BG151">
        <v>419</v>
      </c>
    </row>
    <row r="152" spans="9:59" x14ac:dyDescent="0.25">
      <c r="I152">
        <v>150</v>
      </c>
      <c r="J152">
        <v>783.8</v>
      </c>
      <c r="K152">
        <v>166</v>
      </c>
      <c r="M152">
        <v>150</v>
      </c>
      <c r="N152">
        <v>1096.5999999999999</v>
      </c>
      <c r="O152">
        <v>113</v>
      </c>
      <c r="U152">
        <v>150</v>
      </c>
      <c r="V152">
        <v>1005.4</v>
      </c>
      <c r="W152">
        <v>146</v>
      </c>
      <c r="AG152">
        <v>150</v>
      </c>
      <c r="AH152">
        <v>935.2</v>
      </c>
      <c r="AI152">
        <v>783</v>
      </c>
      <c r="AO152">
        <v>150</v>
      </c>
      <c r="AP152">
        <v>712.1</v>
      </c>
      <c r="AQ152">
        <v>944</v>
      </c>
      <c r="AS152">
        <v>150</v>
      </c>
      <c r="AT152">
        <v>915.3</v>
      </c>
      <c r="AU152">
        <v>537</v>
      </c>
      <c r="AW152">
        <v>150</v>
      </c>
      <c r="AX152">
        <v>1201.4000000000001</v>
      </c>
      <c r="AY152">
        <v>757</v>
      </c>
      <c r="BA152">
        <v>150</v>
      </c>
      <c r="BB152">
        <v>773.7</v>
      </c>
      <c r="BC152">
        <v>1495</v>
      </c>
      <c r="BE152">
        <v>150</v>
      </c>
      <c r="BF152">
        <v>854.7</v>
      </c>
      <c r="BG152">
        <v>1573</v>
      </c>
    </row>
    <row r="153" spans="9:59" x14ac:dyDescent="0.25">
      <c r="I153">
        <v>151</v>
      </c>
      <c r="J153">
        <v>784.2</v>
      </c>
      <c r="K153">
        <v>198</v>
      </c>
      <c r="M153">
        <v>151</v>
      </c>
      <c r="N153">
        <v>1100.4000000000001</v>
      </c>
      <c r="O153">
        <v>120</v>
      </c>
      <c r="U153">
        <v>151</v>
      </c>
      <c r="V153">
        <v>1007.1</v>
      </c>
      <c r="W153">
        <v>517</v>
      </c>
      <c r="AG153">
        <v>151</v>
      </c>
      <c r="AH153">
        <v>935.5</v>
      </c>
      <c r="AI153">
        <v>1067</v>
      </c>
      <c r="AO153">
        <v>151</v>
      </c>
      <c r="AP153">
        <v>712.3</v>
      </c>
      <c r="AQ153">
        <v>523</v>
      </c>
      <c r="AS153">
        <v>151</v>
      </c>
      <c r="AT153">
        <v>933.2</v>
      </c>
      <c r="AU153">
        <v>485</v>
      </c>
      <c r="AW153">
        <v>151</v>
      </c>
      <c r="AX153">
        <v>1203.4000000000001</v>
      </c>
      <c r="AY153">
        <v>132</v>
      </c>
      <c r="BA153">
        <v>151</v>
      </c>
      <c r="BB153">
        <v>774.4</v>
      </c>
      <c r="BC153">
        <v>284</v>
      </c>
      <c r="BE153">
        <v>151</v>
      </c>
      <c r="BF153">
        <v>855.4</v>
      </c>
      <c r="BG153">
        <v>1201</v>
      </c>
    </row>
    <row r="154" spans="9:59" x14ac:dyDescent="0.25">
      <c r="I154">
        <v>152</v>
      </c>
      <c r="J154">
        <v>791.4</v>
      </c>
      <c r="K154">
        <v>814</v>
      </c>
      <c r="M154">
        <v>152</v>
      </c>
      <c r="N154">
        <v>1141.7</v>
      </c>
      <c r="O154">
        <v>213</v>
      </c>
      <c r="U154">
        <v>152</v>
      </c>
      <c r="V154">
        <v>1007.3</v>
      </c>
      <c r="W154">
        <v>192</v>
      </c>
      <c r="AG154">
        <v>152</v>
      </c>
      <c r="AH154">
        <v>951.4</v>
      </c>
      <c r="AI154">
        <v>14722</v>
      </c>
      <c r="AO154">
        <v>152</v>
      </c>
      <c r="AP154">
        <v>722.3</v>
      </c>
      <c r="AQ154">
        <v>1378</v>
      </c>
      <c r="AS154">
        <v>152</v>
      </c>
      <c r="AT154">
        <v>933.6</v>
      </c>
      <c r="AU154">
        <v>211</v>
      </c>
      <c r="AW154">
        <v>152</v>
      </c>
      <c r="AX154">
        <v>1207.3</v>
      </c>
      <c r="AY154">
        <v>183</v>
      </c>
      <c r="BA154">
        <v>152</v>
      </c>
      <c r="BB154">
        <v>781.8</v>
      </c>
      <c r="BC154">
        <v>158</v>
      </c>
      <c r="BE154">
        <v>152</v>
      </c>
      <c r="BF154">
        <v>856</v>
      </c>
      <c r="BG154">
        <v>512</v>
      </c>
    </row>
    <row r="155" spans="9:59" x14ac:dyDescent="0.25">
      <c r="I155">
        <v>153</v>
      </c>
      <c r="J155">
        <v>791.8</v>
      </c>
      <c r="K155">
        <v>419</v>
      </c>
      <c r="M155">
        <v>153</v>
      </c>
      <c r="N155">
        <v>1156.3</v>
      </c>
      <c r="O155">
        <v>150</v>
      </c>
      <c r="U155">
        <v>153</v>
      </c>
      <c r="V155">
        <v>1009.1</v>
      </c>
      <c r="W155">
        <v>177</v>
      </c>
      <c r="AG155">
        <v>153</v>
      </c>
      <c r="AH155">
        <v>952.3</v>
      </c>
      <c r="AI155">
        <v>6726</v>
      </c>
      <c r="AO155">
        <v>153</v>
      </c>
      <c r="AP155">
        <v>723.3</v>
      </c>
      <c r="AQ155">
        <v>1104</v>
      </c>
      <c r="AS155">
        <v>153</v>
      </c>
      <c r="AT155">
        <v>934.2</v>
      </c>
      <c r="AU155">
        <v>580</v>
      </c>
      <c r="AW155">
        <v>153</v>
      </c>
      <c r="AX155">
        <v>1217.5999999999999</v>
      </c>
      <c r="AY155">
        <v>134</v>
      </c>
      <c r="BA155">
        <v>153</v>
      </c>
      <c r="BB155">
        <v>782.3</v>
      </c>
      <c r="BC155">
        <v>1320</v>
      </c>
      <c r="BE155">
        <v>153</v>
      </c>
      <c r="BF155">
        <v>856.4</v>
      </c>
      <c r="BG155">
        <v>966</v>
      </c>
    </row>
    <row r="156" spans="9:59" x14ac:dyDescent="0.25">
      <c r="I156">
        <v>154</v>
      </c>
      <c r="J156">
        <v>792.3</v>
      </c>
      <c r="K156">
        <v>115</v>
      </c>
      <c r="M156">
        <v>154</v>
      </c>
      <c r="N156">
        <v>1224.4000000000001</v>
      </c>
      <c r="O156">
        <v>121</v>
      </c>
      <c r="U156">
        <v>154</v>
      </c>
      <c r="V156">
        <v>1009.5</v>
      </c>
      <c r="W156">
        <v>485</v>
      </c>
      <c r="AG156">
        <v>154</v>
      </c>
      <c r="AH156">
        <v>953.3</v>
      </c>
      <c r="AI156">
        <v>1382</v>
      </c>
      <c r="AO156">
        <v>154</v>
      </c>
      <c r="AP156">
        <v>730.3</v>
      </c>
      <c r="AQ156">
        <v>10102</v>
      </c>
      <c r="AS156">
        <v>154</v>
      </c>
      <c r="AT156">
        <v>936.4</v>
      </c>
      <c r="AU156">
        <v>230</v>
      </c>
      <c r="AW156">
        <v>154</v>
      </c>
      <c r="AX156">
        <v>1241.7</v>
      </c>
      <c r="AY156">
        <v>148</v>
      </c>
      <c r="BA156">
        <v>154</v>
      </c>
      <c r="BB156">
        <v>782.8</v>
      </c>
      <c r="BC156">
        <v>1378</v>
      </c>
      <c r="BE156">
        <v>154</v>
      </c>
      <c r="BF156">
        <v>856.7</v>
      </c>
      <c r="BG156">
        <v>337</v>
      </c>
    </row>
    <row r="157" spans="9:59" x14ac:dyDescent="0.25">
      <c r="I157">
        <v>155</v>
      </c>
      <c r="J157">
        <v>792.7</v>
      </c>
      <c r="K157">
        <v>153</v>
      </c>
      <c r="M157">
        <v>155</v>
      </c>
      <c r="N157">
        <v>1224.7</v>
      </c>
      <c r="O157">
        <v>266</v>
      </c>
      <c r="U157">
        <v>155</v>
      </c>
      <c r="V157">
        <v>1012.3</v>
      </c>
      <c r="W157">
        <v>181</v>
      </c>
      <c r="AG157">
        <v>155</v>
      </c>
      <c r="AH157">
        <v>954.4</v>
      </c>
      <c r="AI157">
        <v>385</v>
      </c>
      <c r="AO157">
        <v>155</v>
      </c>
      <c r="AP157">
        <v>730.8</v>
      </c>
      <c r="AQ157">
        <v>10088</v>
      </c>
      <c r="AS157">
        <v>155</v>
      </c>
      <c r="AT157">
        <v>951.2</v>
      </c>
      <c r="AU157">
        <v>390</v>
      </c>
      <c r="AW157">
        <v>155</v>
      </c>
      <c r="AX157">
        <v>1261.2</v>
      </c>
      <c r="AY157">
        <v>379</v>
      </c>
      <c r="BA157">
        <v>155</v>
      </c>
      <c r="BB157">
        <v>783.3</v>
      </c>
      <c r="BC157">
        <v>1318</v>
      </c>
      <c r="BE157">
        <v>155</v>
      </c>
      <c r="BF157">
        <v>858.3</v>
      </c>
      <c r="BG157">
        <v>272</v>
      </c>
    </row>
    <row r="158" spans="9:59" x14ac:dyDescent="0.25">
      <c r="I158">
        <v>156</v>
      </c>
      <c r="J158">
        <v>794.1</v>
      </c>
      <c r="K158">
        <v>111</v>
      </c>
      <c r="M158">
        <v>156</v>
      </c>
      <c r="N158">
        <v>1239.4000000000001</v>
      </c>
      <c r="O158">
        <v>124</v>
      </c>
      <c r="U158">
        <v>156</v>
      </c>
      <c r="V158">
        <v>1016.3</v>
      </c>
      <c r="W158">
        <v>202</v>
      </c>
      <c r="AG158">
        <v>156</v>
      </c>
      <c r="AH158">
        <v>965.3</v>
      </c>
      <c r="AI158">
        <v>2325</v>
      </c>
      <c r="AO158">
        <v>156</v>
      </c>
      <c r="AP158">
        <v>731.3</v>
      </c>
      <c r="AQ158">
        <v>6785</v>
      </c>
      <c r="AS158">
        <v>156</v>
      </c>
      <c r="AT158">
        <v>952.4</v>
      </c>
      <c r="AU158">
        <v>630</v>
      </c>
      <c r="AW158">
        <v>156</v>
      </c>
      <c r="AX158">
        <v>1266.5</v>
      </c>
      <c r="AY158">
        <v>186</v>
      </c>
      <c r="BA158">
        <v>156</v>
      </c>
      <c r="BB158">
        <v>783.7</v>
      </c>
      <c r="BC158">
        <v>329</v>
      </c>
      <c r="BE158">
        <v>156</v>
      </c>
      <c r="BF158">
        <v>859.2</v>
      </c>
      <c r="BG158">
        <v>210</v>
      </c>
    </row>
    <row r="159" spans="9:59" x14ac:dyDescent="0.25">
      <c r="I159">
        <v>157</v>
      </c>
      <c r="J159">
        <v>794.8</v>
      </c>
      <c r="K159">
        <v>210</v>
      </c>
      <c r="M159">
        <v>157</v>
      </c>
      <c r="N159">
        <v>1241.2</v>
      </c>
      <c r="O159">
        <v>259</v>
      </c>
      <c r="U159">
        <v>157</v>
      </c>
      <c r="V159">
        <v>1017.4</v>
      </c>
      <c r="W159">
        <v>135</v>
      </c>
      <c r="AG159">
        <v>157</v>
      </c>
      <c r="AH159">
        <v>975.3</v>
      </c>
      <c r="AI159">
        <v>307</v>
      </c>
      <c r="AO159">
        <v>157</v>
      </c>
      <c r="AP159">
        <v>731.9</v>
      </c>
      <c r="AQ159">
        <v>2746</v>
      </c>
      <c r="AS159">
        <v>157</v>
      </c>
      <c r="AT159">
        <v>1000.3</v>
      </c>
      <c r="AU159">
        <v>243</v>
      </c>
      <c r="AW159">
        <v>157</v>
      </c>
      <c r="AX159">
        <v>1285.4000000000001</v>
      </c>
      <c r="AY159">
        <v>151</v>
      </c>
      <c r="BA159">
        <v>157</v>
      </c>
      <c r="BB159">
        <v>790.4</v>
      </c>
      <c r="BC159">
        <v>4996</v>
      </c>
      <c r="BE159">
        <v>157</v>
      </c>
      <c r="BF159">
        <v>859.5</v>
      </c>
      <c r="BG159">
        <v>378</v>
      </c>
    </row>
    <row r="160" spans="9:59" x14ac:dyDescent="0.25">
      <c r="I160">
        <v>158</v>
      </c>
      <c r="J160">
        <v>801</v>
      </c>
      <c r="K160">
        <v>205</v>
      </c>
      <c r="M160">
        <v>158</v>
      </c>
      <c r="N160">
        <v>1241.5</v>
      </c>
      <c r="O160">
        <v>129</v>
      </c>
      <c r="U160">
        <v>158</v>
      </c>
      <c r="V160">
        <v>1017.8</v>
      </c>
      <c r="W160">
        <v>270</v>
      </c>
      <c r="AG160">
        <v>158</v>
      </c>
      <c r="AH160">
        <v>993.3</v>
      </c>
      <c r="AI160">
        <v>1168</v>
      </c>
      <c r="AO160">
        <v>158</v>
      </c>
      <c r="AP160">
        <v>732.2</v>
      </c>
      <c r="AQ160">
        <v>1553</v>
      </c>
      <c r="AS160">
        <v>158</v>
      </c>
      <c r="AT160">
        <v>1020.4</v>
      </c>
      <c r="AU160">
        <v>123</v>
      </c>
      <c r="AW160">
        <v>158</v>
      </c>
      <c r="AX160">
        <v>1289.3</v>
      </c>
      <c r="AY160">
        <v>181</v>
      </c>
      <c r="BA160">
        <v>158</v>
      </c>
      <c r="BB160">
        <v>790.8</v>
      </c>
      <c r="BC160">
        <v>6805</v>
      </c>
      <c r="BE160">
        <v>158</v>
      </c>
      <c r="BF160">
        <v>864</v>
      </c>
      <c r="BG160">
        <v>268</v>
      </c>
    </row>
    <row r="161" spans="9:59" x14ac:dyDescent="0.25">
      <c r="I161">
        <v>159</v>
      </c>
      <c r="J161">
        <v>801.8</v>
      </c>
      <c r="K161">
        <v>1011</v>
      </c>
      <c r="M161">
        <v>159</v>
      </c>
      <c r="N161">
        <v>1257.5</v>
      </c>
      <c r="O161">
        <v>116</v>
      </c>
      <c r="U161">
        <v>159</v>
      </c>
      <c r="V161">
        <v>1018.5</v>
      </c>
      <c r="W161">
        <v>197</v>
      </c>
      <c r="AG161">
        <v>159</v>
      </c>
      <c r="AH161">
        <v>994.8</v>
      </c>
      <c r="AI161">
        <v>376</v>
      </c>
      <c r="AO161">
        <v>159</v>
      </c>
      <c r="AP161">
        <v>732.6</v>
      </c>
      <c r="AQ161">
        <v>276</v>
      </c>
      <c r="AS161">
        <v>159</v>
      </c>
      <c r="AT161">
        <v>1036.4000000000001</v>
      </c>
      <c r="AU161">
        <v>584</v>
      </c>
      <c r="AW161">
        <v>159</v>
      </c>
      <c r="AX161">
        <v>1299.7</v>
      </c>
      <c r="AY161">
        <v>155</v>
      </c>
      <c r="BA161">
        <v>159</v>
      </c>
      <c r="BB161">
        <v>791.2</v>
      </c>
      <c r="BC161">
        <v>1502</v>
      </c>
      <c r="BE161">
        <v>159</v>
      </c>
      <c r="BF161">
        <v>865.4</v>
      </c>
      <c r="BG161">
        <v>139</v>
      </c>
    </row>
    <row r="162" spans="9:59" x14ac:dyDescent="0.25">
      <c r="I162">
        <v>160</v>
      </c>
      <c r="J162">
        <v>802.3</v>
      </c>
      <c r="K162">
        <v>830</v>
      </c>
      <c r="M162">
        <v>160</v>
      </c>
      <c r="N162">
        <v>1259.4000000000001</v>
      </c>
      <c r="O162">
        <v>200</v>
      </c>
      <c r="U162">
        <v>160</v>
      </c>
      <c r="V162">
        <v>1019.9</v>
      </c>
      <c r="W162">
        <v>233</v>
      </c>
      <c r="AG162">
        <v>160</v>
      </c>
      <c r="AH162">
        <v>997.5</v>
      </c>
      <c r="AI162">
        <v>160</v>
      </c>
      <c r="AO162">
        <v>160</v>
      </c>
      <c r="AP162">
        <v>739.7</v>
      </c>
      <c r="AQ162">
        <v>454</v>
      </c>
      <c r="AS162">
        <v>160</v>
      </c>
      <c r="AT162">
        <v>1036.8</v>
      </c>
      <c r="AU162">
        <v>600</v>
      </c>
      <c r="AW162">
        <v>160</v>
      </c>
      <c r="AX162">
        <v>1302.5</v>
      </c>
      <c r="AY162">
        <v>208</v>
      </c>
      <c r="BA162">
        <v>160</v>
      </c>
      <c r="BB162">
        <v>791.8</v>
      </c>
      <c r="BC162">
        <v>2052</v>
      </c>
      <c r="BE162">
        <v>160</v>
      </c>
      <c r="BF162">
        <v>866.9</v>
      </c>
      <c r="BG162">
        <v>726</v>
      </c>
    </row>
    <row r="163" spans="9:59" x14ac:dyDescent="0.25">
      <c r="I163">
        <v>161</v>
      </c>
      <c r="J163">
        <v>802.8</v>
      </c>
      <c r="K163">
        <v>1627</v>
      </c>
      <c r="M163">
        <v>161</v>
      </c>
      <c r="N163">
        <v>1281.5</v>
      </c>
      <c r="O163">
        <v>106</v>
      </c>
      <c r="U163">
        <v>161</v>
      </c>
      <c r="V163">
        <v>1020.3</v>
      </c>
      <c r="W163">
        <v>108</v>
      </c>
      <c r="AG163">
        <v>161</v>
      </c>
      <c r="AH163">
        <v>1016.5</v>
      </c>
      <c r="AI163">
        <v>433</v>
      </c>
      <c r="AO163">
        <v>161</v>
      </c>
      <c r="AP163">
        <v>740.9</v>
      </c>
      <c r="AQ163">
        <v>1017</v>
      </c>
      <c r="AS163">
        <v>161</v>
      </c>
      <c r="AT163">
        <v>1037.4000000000001</v>
      </c>
      <c r="AU163">
        <v>205</v>
      </c>
      <c r="AW163">
        <v>161</v>
      </c>
      <c r="AX163">
        <v>1303.5</v>
      </c>
      <c r="AY163">
        <v>239</v>
      </c>
      <c r="BA163">
        <v>161</v>
      </c>
      <c r="BB163">
        <v>792.3</v>
      </c>
      <c r="BC163">
        <v>863</v>
      </c>
      <c r="BE163">
        <v>161</v>
      </c>
      <c r="BF163">
        <v>867.2</v>
      </c>
      <c r="BG163">
        <v>1173</v>
      </c>
    </row>
    <row r="164" spans="9:59" x14ac:dyDescent="0.25">
      <c r="I164">
        <v>162</v>
      </c>
      <c r="J164">
        <v>803.3</v>
      </c>
      <c r="K164">
        <v>513</v>
      </c>
      <c r="M164">
        <v>162</v>
      </c>
      <c r="N164">
        <v>1299.3</v>
      </c>
      <c r="O164">
        <v>182</v>
      </c>
      <c r="U164">
        <v>162</v>
      </c>
      <c r="V164">
        <v>1021.8</v>
      </c>
      <c r="W164">
        <v>458</v>
      </c>
      <c r="AG164">
        <v>162</v>
      </c>
      <c r="AH164">
        <v>1036.3</v>
      </c>
      <c r="AI164">
        <v>853</v>
      </c>
      <c r="AO164">
        <v>162</v>
      </c>
      <c r="AP164">
        <v>745.9</v>
      </c>
      <c r="AQ164">
        <v>1409</v>
      </c>
      <c r="AS164">
        <v>162</v>
      </c>
      <c r="AT164">
        <v>1053</v>
      </c>
      <c r="AU164">
        <v>535</v>
      </c>
      <c r="AW164">
        <v>162</v>
      </c>
      <c r="AX164">
        <v>1310.3</v>
      </c>
      <c r="AY164">
        <v>119</v>
      </c>
      <c r="BA164">
        <v>162</v>
      </c>
      <c r="BB164">
        <v>793.3</v>
      </c>
      <c r="BC164">
        <v>640</v>
      </c>
      <c r="BE164">
        <v>162</v>
      </c>
      <c r="BF164">
        <v>867.9</v>
      </c>
      <c r="BG164">
        <v>553</v>
      </c>
    </row>
    <row r="165" spans="9:59" x14ac:dyDescent="0.25">
      <c r="I165">
        <v>163</v>
      </c>
      <c r="J165">
        <v>803.8</v>
      </c>
      <c r="K165">
        <v>326</v>
      </c>
      <c r="M165">
        <v>163</v>
      </c>
      <c r="N165">
        <v>1299.4000000000001</v>
      </c>
      <c r="O165">
        <v>234</v>
      </c>
      <c r="U165">
        <v>163</v>
      </c>
      <c r="V165">
        <v>1023.5</v>
      </c>
      <c r="W165">
        <v>170</v>
      </c>
      <c r="AG165">
        <v>163</v>
      </c>
      <c r="AH165">
        <v>1036.4000000000001</v>
      </c>
      <c r="AI165">
        <v>662</v>
      </c>
      <c r="AO165">
        <v>163</v>
      </c>
      <c r="AP165">
        <v>747.7</v>
      </c>
      <c r="AQ165">
        <v>693</v>
      </c>
      <c r="AS165">
        <v>163</v>
      </c>
      <c r="AT165">
        <v>1053.3</v>
      </c>
      <c r="AU165">
        <v>210</v>
      </c>
      <c r="AW165">
        <v>163</v>
      </c>
      <c r="AX165">
        <v>1320.6</v>
      </c>
      <c r="AY165">
        <v>141</v>
      </c>
      <c r="BA165">
        <v>163</v>
      </c>
      <c r="BB165">
        <v>793.7</v>
      </c>
      <c r="BC165">
        <v>143</v>
      </c>
      <c r="BE165">
        <v>163</v>
      </c>
      <c r="BF165">
        <v>875.4</v>
      </c>
      <c r="BG165">
        <v>542</v>
      </c>
    </row>
    <row r="166" spans="9:59" x14ac:dyDescent="0.25">
      <c r="I166">
        <v>164</v>
      </c>
      <c r="J166">
        <v>804.4</v>
      </c>
      <c r="K166">
        <v>533</v>
      </c>
      <c r="M166">
        <v>164</v>
      </c>
      <c r="N166">
        <v>1303.5999999999999</v>
      </c>
      <c r="O166">
        <v>105</v>
      </c>
      <c r="U166">
        <v>164</v>
      </c>
      <c r="V166">
        <v>1025.0999999999999</v>
      </c>
      <c r="W166">
        <v>226</v>
      </c>
      <c r="AG166">
        <v>164</v>
      </c>
      <c r="AH166">
        <v>1037.4000000000001</v>
      </c>
      <c r="AI166">
        <v>1005</v>
      </c>
      <c r="AO166">
        <v>164</v>
      </c>
      <c r="AP166">
        <v>748.3</v>
      </c>
      <c r="AQ166">
        <v>3546</v>
      </c>
      <c r="AS166">
        <v>164</v>
      </c>
      <c r="AT166">
        <v>1054.2</v>
      </c>
      <c r="AU166">
        <v>131</v>
      </c>
      <c r="AW166">
        <v>164</v>
      </c>
      <c r="AX166">
        <v>1328.7</v>
      </c>
      <c r="AY166">
        <v>179</v>
      </c>
      <c r="BA166">
        <v>164</v>
      </c>
      <c r="BB166">
        <v>794.3</v>
      </c>
      <c r="BC166">
        <v>770</v>
      </c>
      <c r="BE166">
        <v>164</v>
      </c>
      <c r="BF166">
        <v>875.9</v>
      </c>
      <c r="BG166">
        <v>1020</v>
      </c>
    </row>
    <row r="167" spans="9:59" x14ac:dyDescent="0.25">
      <c r="I167">
        <v>165</v>
      </c>
      <c r="J167">
        <v>810.9</v>
      </c>
      <c r="K167">
        <v>687</v>
      </c>
      <c r="M167">
        <v>165</v>
      </c>
      <c r="N167">
        <v>1316.7</v>
      </c>
      <c r="O167">
        <v>141</v>
      </c>
      <c r="U167">
        <v>165</v>
      </c>
      <c r="V167">
        <v>1028.4000000000001</v>
      </c>
      <c r="W167">
        <v>446</v>
      </c>
      <c r="AG167">
        <v>165</v>
      </c>
      <c r="AH167">
        <v>1038.5</v>
      </c>
      <c r="AI167">
        <v>567</v>
      </c>
      <c r="AO167">
        <v>165</v>
      </c>
      <c r="AP167">
        <v>749.1</v>
      </c>
      <c r="AQ167">
        <v>530</v>
      </c>
      <c r="AS167">
        <v>165</v>
      </c>
      <c r="AT167">
        <v>1054.5</v>
      </c>
      <c r="AU167">
        <v>109</v>
      </c>
      <c r="AW167">
        <v>165</v>
      </c>
      <c r="AX167">
        <v>1329.3</v>
      </c>
      <c r="AY167">
        <v>230</v>
      </c>
      <c r="BA167">
        <v>165</v>
      </c>
      <c r="BB167">
        <v>803.3</v>
      </c>
      <c r="BC167">
        <v>6836</v>
      </c>
      <c r="BE167">
        <v>165</v>
      </c>
      <c r="BF167">
        <v>876.3</v>
      </c>
      <c r="BG167">
        <v>2335</v>
      </c>
    </row>
    <row r="168" spans="9:59" x14ac:dyDescent="0.25">
      <c r="I168">
        <v>166</v>
      </c>
      <c r="J168">
        <v>811.3</v>
      </c>
      <c r="K168">
        <v>336</v>
      </c>
      <c r="M168">
        <v>166</v>
      </c>
      <c r="N168">
        <v>1318.7</v>
      </c>
      <c r="O168">
        <v>221</v>
      </c>
      <c r="U168">
        <v>166</v>
      </c>
      <c r="V168">
        <v>1029</v>
      </c>
      <c r="W168">
        <v>327</v>
      </c>
      <c r="AG168">
        <v>166</v>
      </c>
      <c r="AH168">
        <v>1039.5</v>
      </c>
      <c r="AI168">
        <v>354</v>
      </c>
      <c r="AO168">
        <v>166</v>
      </c>
      <c r="AP168">
        <v>750</v>
      </c>
      <c r="AQ168">
        <v>1196</v>
      </c>
      <c r="AS168">
        <v>166</v>
      </c>
      <c r="AT168">
        <v>1055.5999999999999</v>
      </c>
      <c r="AU168">
        <v>554</v>
      </c>
      <c r="AW168">
        <v>166</v>
      </c>
      <c r="AX168">
        <v>1344.4</v>
      </c>
      <c r="AY168">
        <v>335</v>
      </c>
      <c r="BA168">
        <v>166</v>
      </c>
      <c r="BB168">
        <v>803.9</v>
      </c>
      <c r="BC168">
        <v>3037</v>
      </c>
      <c r="BE168">
        <v>166</v>
      </c>
      <c r="BF168">
        <v>876.8</v>
      </c>
      <c r="BG168">
        <v>1898</v>
      </c>
    </row>
    <row r="169" spans="9:59" x14ac:dyDescent="0.25">
      <c r="I169">
        <v>167</v>
      </c>
      <c r="J169">
        <v>811.9</v>
      </c>
      <c r="K169">
        <v>321</v>
      </c>
      <c r="M169">
        <v>167</v>
      </c>
      <c r="N169">
        <v>1368.2</v>
      </c>
      <c r="O169">
        <v>118</v>
      </c>
      <c r="U169">
        <v>167</v>
      </c>
      <c r="V169">
        <v>1029.4000000000001</v>
      </c>
      <c r="W169">
        <v>188</v>
      </c>
      <c r="AG169">
        <v>167</v>
      </c>
      <c r="AH169">
        <v>1054.2</v>
      </c>
      <c r="AI169">
        <v>138</v>
      </c>
      <c r="AO169">
        <v>167</v>
      </c>
      <c r="AP169">
        <v>751.8</v>
      </c>
      <c r="AQ169">
        <v>493</v>
      </c>
      <c r="AS169">
        <v>167</v>
      </c>
      <c r="AT169">
        <v>1056.4000000000001</v>
      </c>
      <c r="AU169">
        <v>357</v>
      </c>
      <c r="AW169">
        <v>167</v>
      </c>
      <c r="AX169">
        <v>1345.4</v>
      </c>
      <c r="AY169">
        <v>429</v>
      </c>
      <c r="BA169">
        <v>167</v>
      </c>
      <c r="BB169">
        <v>804.4</v>
      </c>
      <c r="BC169">
        <v>1052</v>
      </c>
      <c r="BE169">
        <v>167</v>
      </c>
      <c r="BF169">
        <v>877.3</v>
      </c>
      <c r="BG169">
        <v>793</v>
      </c>
    </row>
    <row r="170" spans="9:59" x14ac:dyDescent="0.25">
      <c r="I170">
        <v>168</v>
      </c>
      <c r="J170">
        <v>812.3</v>
      </c>
      <c r="K170">
        <v>4452</v>
      </c>
      <c r="M170">
        <v>168</v>
      </c>
      <c r="N170">
        <v>1382.3</v>
      </c>
      <c r="O170">
        <v>129</v>
      </c>
      <c r="U170">
        <v>168</v>
      </c>
      <c r="V170">
        <v>1029.9000000000001</v>
      </c>
      <c r="W170">
        <v>177</v>
      </c>
      <c r="AG170">
        <v>168</v>
      </c>
      <c r="AH170">
        <v>1054.7</v>
      </c>
      <c r="AI170">
        <v>1495</v>
      </c>
      <c r="AO170">
        <v>168</v>
      </c>
      <c r="AP170">
        <v>752.3</v>
      </c>
      <c r="AQ170">
        <v>406</v>
      </c>
      <c r="AS170">
        <v>168</v>
      </c>
      <c r="AT170">
        <v>1057.3</v>
      </c>
      <c r="AU170">
        <v>289</v>
      </c>
      <c r="AW170">
        <v>168</v>
      </c>
      <c r="AX170">
        <v>1362.5</v>
      </c>
      <c r="AY170">
        <v>2090</v>
      </c>
      <c r="BA170">
        <v>168</v>
      </c>
      <c r="BB170">
        <v>811.3</v>
      </c>
      <c r="BC170">
        <v>5359</v>
      </c>
      <c r="BE170">
        <v>168</v>
      </c>
      <c r="BF170">
        <v>878</v>
      </c>
      <c r="BG170">
        <v>101</v>
      </c>
    </row>
    <row r="171" spans="9:59" x14ac:dyDescent="0.25">
      <c r="I171">
        <v>169</v>
      </c>
      <c r="J171">
        <v>812.8</v>
      </c>
      <c r="K171">
        <v>2038</v>
      </c>
      <c r="M171">
        <v>169</v>
      </c>
      <c r="N171">
        <v>1382.8</v>
      </c>
      <c r="O171">
        <v>116</v>
      </c>
      <c r="U171">
        <v>169</v>
      </c>
      <c r="V171">
        <v>1030.3</v>
      </c>
      <c r="W171">
        <v>270</v>
      </c>
      <c r="AG171">
        <v>169</v>
      </c>
      <c r="AH171">
        <v>1055.5999999999999</v>
      </c>
      <c r="AI171">
        <v>206</v>
      </c>
      <c r="AO171">
        <v>169</v>
      </c>
      <c r="AP171">
        <v>752.8</v>
      </c>
      <c r="AQ171">
        <v>814</v>
      </c>
      <c r="AS171">
        <v>169</v>
      </c>
      <c r="AT171">
        <v>1072.0999999999999</v>
      </c>
      <c r="AU171">
        <v>121</v>
      </c>
      <c r="AW171">
        <v>169</v>
      </c>
      <c r="AX171">
        <v>1363.5</v>
      </c>
      <c r="AY171">
        <v>1418</v>
      </c>
      <c r="BA171">
        <v>169</v>
      </c>
      <c r="BB171">
        <v>811.8</v>
      </c>
      <c r="BC171">
        <v>13039</v>
      </c>
      <c r="BE171">
        <v>169</v>
      </c>
      <c r="BF171">
        <v>884.9</v>
      </c>
      <c r="BG171">
        <v>285</v>
      </c>
    </row>
    <row r="172" spans="9:59" x14ac:dyDescent="0.25">
      <c r="I172">
        <v>170</v>
      </c>
      <c r="J172">
        <v>813.3</v>
      </c>
      <c r="K172">
        <v>1377</v>
      </c>
      <c r="M172">
        <v>170</v>
      </c>
      <c r="N172">
        <v>1386.6</v>
      </c>
      <c r="O172">
        <v>127</v>
      </c>
      <c r="U172">
        <v>170</v>
      </c>
      <c r="V172">
        <v>1031.4000000000001</v>
      </c>
      <c r="W172">
        <v>305</v>
      </c>
      <c r="AG172">
        <v>170</v>
      </c>
      <c r="AH172">
        <v>1056.5</v>
      </c>
      <c r="AI172">
        <v>606</v>
      </c>
      <c r="AO172">
        <v>170</v>
      </c>
      <c r="AP172">
        <v>753.3</v>
      </c>
      <c r="AQ172">
        <v>524</v>
      </c>
      <c r="AS172">
        <v>170</v>
      </c>
      <c r="AT172">
        <v>1078.3</v>
      </c>
      <c r="AU172">
        <v>230</v>
      </c>
      <c r="AW172">
        <v>170</v>
      </c>
      <c r="AX172">
        <v>1364.1</v>
      </c>
      <c r="AY172">
        <v>220</v>
      </c>
      <c r="BA172">
        <v>170</v>
      </c>
      <c r="BB172">
        <v>812.3</v>
      </c>
      <c r="BC172">
        <v>8370</v>
      </c>
      <c r="BE172">
        <v>170</v>
      </c>
      <c r="BF172">
        <v>885.6</v>
      </c>
      <c r="BG172">
        <v>281</v>
      </c>
    </row>
    <row r="173" spans="9:59" x14ac:dyDescent="0.25">
      <c r="I173">
        <v>171</v>
      </c>
      <c r="J173">
        <v>813.8</v>
      </c>
      <c r="K173">
        <v>197</v>
      </c>
      <c r="M173">
        <v>171</v>
      </c>
      <c r="N173">
        <v>1422.4</v>
      </c>
      <c r="O173">
        <v>184</v>
      </c>
      <c r="U173">
        <v>171</v>
      </c>
      <c r="V173">
        <v>1031.7</v>
      </c>
      <c r="W173">
        <v>101</v>
      </c>
      <c r="AG173">
        <v>171</v>
      </c>
      <c r="AH173">
        <v>1057.5</v>
      </c>
      <c r="AI173">
        <v>2827</v>
      </c>
      <c r="AO173">
        <v>171</v>
      </c>
      <c r="AP173">
        <v>754</v>
      </c>
      <c r="AQ173">
        <v>286</v>
      </c>
      <c r="AS173">
        <v>171</v>
      </c>
      <c r="AT173">
        <v>1079.4000000000001</v>
      </c>
      <c r="AU173">
        <v>138</v>
      </c>
      <c r="AW173">
        <v>171</v>
      </c>
      <c r="AX173">
        <v>1364.4</v>
      </c>
      <c r="AY173">
        <v>583</v>
      </c>
      <c r="BA173">
        <v>171</v>
      </c>
      <c r="BB173">
        <v>812.8</v>
      </c>
      <c r="BC173">
        <v>4855</v>
      </c>
      <c r="BE173">
        <v>171</v>
      </c>
      <c r="BF173">
        <v>885.8</v>
      </c>
      <c r="BG173">
        <v>329</v>
      </c>
    </row>
    <row r="174" spans="9:59" x14ac:dyDescent="0.25">
      <c r="I174">
        <v>172</v>
      </c>
      <c r="J174">
        <v>814.2</v>
      </c>
      <c r="K174">
        <v>376</v>
      </c>
      <c r="M174">
        <v>172</v>
      </c>
      <c r="N174">
        <v>1423.5</v>
      </c>
      <c r="O174">
        <v>174</v>
      </c>
      <c r="U174">
        <v>172</v>
      </c>
      <c r="V174">
        <v>1037.4000000000001</v>
      </c>
      <c r="W174">
        <v>1839</v>
      </c>
      <c r="AG174">
        <v>172</v>
      </c>
      <c r="AH174">
        <v>1059.5999999999999</v>
      </c>
      <c r="AI174">
        <v>1053</v>
      </c>
      <c r="AO174">
        <v>172</v>
      </c>
      <c r="AP174">
        <v>757.2</v>
      </c>
      <c r="AQ174">
        <v>336</v>
      </c>
      <c r="AS174">
        <v>172</v>
      </c>
      <c r="AT174">
        <v>1080.3</v>
      </c>
      <c r="AU174">
        <v>118</v>
      </c>
      <c r="AW174">
        <v>172</v>
      </c>
      <c r="AX174">
        <v>1364.6</v>
      </c>
      <c r="AY174">
        <v>716</v>
      </c>
      <c r="BA174">
        <v>172</v>
      </c>
      <c r="BB174">
        <v>813.3</v>
      </c>
      <c r="BC174">
        <v>4228</v>
      </c>
      <c r="BE174">
        <v>172</v>
      </c>
      <c r="BF174">
        <v>886.8</v>
      </c>
      <c r="BG174">
        <v>363</v>
      </c>
    </row>
    <row r="175" spans="9:59" x14ac:dyDescent="0.25">
      <c r="I175">
        <v>173</v>
      </c>
      <c r="J175">
        <v>815.3</v>
      </c>
      <c r="K175">
        <v>114</v>
      </c>
      <c r="M175">
        <v>173</v>
      </c>
      <c r="N175">
        <v>1427.8</v>
      </c>
      <c r="O175">
        <v>156</v>
      </c>
      <c r="U175">
        <v>173</v>
      </c>
      <c r="V175">
        <v>1037.9000000000001</v>
      </c>
      <c r="W175">
        <v>554</v>
      </c>
      <c r="AG175">
        <v>173</v>
      </c>
      <c r="AH175">
        <v>1076.4000000000001</v>
      </c>
      <c r="AI175">
        <v>728</v>
      </c>
      <c r="AO175">
        <v>173</v>
      </c>
      <c r="AP175">
        <v>761.1</v>
      </c>
      <c r="AQ175">
        <v>1045</v>
      </c>
      <c r="AS175">
        <v>173</v>
      </c>
      <c r="AT175">
        <v>1096.5999999999999</v>
      </c>
      <c r="AU175">
        <v>1165</v>
      </c>
      <c r="AW175">
        <v>173</v>
      </c>
      <c r="AX175">
        <v>1364.9</v>
      </c>
      <c r="AY175">
        <v>158</v>
      </c>
      <c r="BA175">
        <v>173</v>
      </c>
      <c r="BB175">
        <v>813.7</v>
      </c>
      <c r="BC175">
        <v>598</v>
      </c>
      <c r="BE175">
        <v>173</v>
      </c>
      <c r="BF175">
        <v>890.3</v>
      </c>
      <c r="BG175">
        <v>377</v>
      </c>
    </row>
    <row r="176" spans="9:59" x14ac:dyDescent="0.25">
      <c r="I176">
        <v>174</v>
      </c>
      <c r="J176">
        <v>822.8</v>
      </c>
      <c r="K176">
        <v>173</v>
      </c>
      <c r="M176">
        <v>174</v>
      </c>
      <c r="N176">
        <v>1441.6</v>
      </c>
      <c r="O176">
        <v>116</v>
      </c>
      <c r="U176">
        <v>174</v>
      </c>
      <c r="V176">
        <v>1038.4000000000001</v>
      </c>
      <c r="W176">
        <v>875</v>
      </c>
      <c r="AG176">
        <v>174</v>
      </c>
      <c r="AH176">
        <v>1078.4000000000001</v>
      </c>
      <c r="AI176">
        <v>560</v>
      </c>
      <c r="AO176">
        <v>174</v>
      </c>
      <c r="AP176">
        <v>761.4</v>
      </c>
      <c r="AQ176">
        <v>197</v>
      </c>
      <c r="AS176">
        <v>174</v>
      </c>
      <c r="AT176">
        <v>1097.0999999999999</v>
      </c>
      <c r="AU176">
        <v>102</v>
      </c>
      <c r="AW176">
        <v>174</v>
      </c>
      <c r="AX176">
        <v>1365.4</v>
      </c>
      <c r="AY176">
        <v>478</v>
      </c>
      <c r="BA176">
        <v>174</v>
      </c>
      <c r="BB176">
        <v>813.9</v>
      </c>
      <c r="BC176">
        <v>492</v>
      </c>
      <c r="BE176">
        <v>174</v>
      </c>
      <c r="BF176">
        <v>891.3</v>
      </c>
      <c r="BG176">
        <v>613</v>
      </c>
    </row>
    <row r="177" spans="9:59" x14ac:dyDescent="0.25">
      <c r="I177">
        <v>175</v>
      </c>
      <c r="J177">
        <v>823.8</v>
      </c>
      <c r="K177">
        <v>501</v>
      </c>
      <c r="M177">
        <v>175</v>
      </c>
      <c r="N177">
        <v>1442.6</v>
      </c>
      <c r="O177">
        <v>159</v>
      </c>
      <c r="U177">
        <v>175</v>
      </c>
      <c r="V177">
        <v>1038.7</v>
      </c>
      <c r="W177">
        <v>251</v>
      </c>
      <c r="AG177">
        <v>175</v>
      </c>
      <c r="AH177">
        <v>1094.2</v>
      </c>
      <c r="AI177">
        <v>622</v>
      </c>
      <c r="AO177">
        <v>175</v>
      </c>
      <c r="AP177">
        <v>762.3</v>
      </c>
      <c r="AQ177">
        <v>260</v>
      </c>
      <c r="AS177">
        <v>175</v>
      </c>
      <c r="AT177">
        <v>1097.4000000000001</v>
      </c>
      <c r="AU177">
        <v>242</v>
      </c>
      <c r="AW177">
        <v>175</v>
      </c>
      <c r="AX177">
        <v>1389.5</v>
      </c>
      <c r="AY177">
        <v>197</v>
      </c>
      <c r="BA177">
        <v>175</v>
      </c>
      <c r="BB177">
        <v>820.3</v>
      </c>
      <c r="BC177">
        <v>550</v>
      </c>
      <c r="BE177">
        <v>175</v>
      </c>
      <c r="BF177">
        <v>891.9</v>
      </c>
      <c r="BG177">
        <v>368</v>
      </c>
    </row>
    <row r="178" spans="9:59" x14ac:dyDescent="0.25">
      <c r="I178">
        <v>176</v>
      </c>
      <c r="J178">
        <v>824.3</v>
      </c>
      <c r="K178">
        <v>272</v>
      </c>
      <c r="M178">
        <v>176</v>
      </c>
      <c r="N178">
        <v>1444.6</v>
      </c>
      <c r="O178">
        <v>154</v>
      </c>
      <c r="U178">
        <v>176</v>
      </c>
      <c r="V178">
        <v>1038.9000000000001</v>
      </c>
      <c r="W178">
        <v>759</v>
      </c>
      <c r="AG178">
        <v>176</v>
      </c>
      <c r="AH178">
        <v>1094.4000000000001</v>
      </c>
      <c r="AI178">
        <v>1729</v>
      </c>
      <c r="AO178">
        <v>176</v>
      </c>
      <c r="AP178">
        <v>770.5</v>
      </c>
      <c r="AQ178">
        <v>348</v>
      </c>
      <c r="AS178">
        <v>176</v>
      </c>
      <c r="AT178">
        <v>1098.2</v>
      </c>
      <c r="AU178">
        <v>387</v>
      </c>
      <c r="AW178">
        <v>176</v>
      </c>
      <c r="AX178">
        <v>1400.3</v>
      </c>
      <c r="AY178">
        <v>160</v>
      </c>
      <c r="BA178">
        <v>176</v>
      </c>
      <c r="BB178">
        <v>820.9</v>
      </c>
      <c r="BC178">
        <v>1645</v>
      </c>
      <c r="BE178">
        <v>176</v>
      </c>
      <c r="BF178">
        <v>894</v>
      </c>
      <c r="BG178">
        <v>164</v>
      </c>
    </row>
    <row r="179" spans="9:59" x14ac:dyDescent="0.25">
      <c r="I179">
        <v>177</v>
      </c>
      <c r="J179">
        <v>824.8</v>
      </c>
      <c r="K179">
        <v>199</v>
      </c>
      <c r="M179">
        <v>177</v>
      </c>
      <c r="N179">
        <v>1445.8</v>
      </c>
      <c r="O179">
        <v>141</v>
      </c>
      <c r="U179">
        <v>177</v>
      </c>
      <c r="V179">
        <v>1039.4000000000001</v>
      </c>
      <c r="W179">
        <v>693</v>
      </c>
      <c r="AG179">
        <v>177</v>
      </c>
      <c r="AH179">
        <v>1095.5</v>
      </c>
      <c r="AI179">
        <v>1481</v>
      </c>
      <c r="AO179">
        <v>177</v>
      </c>
      <c r="AP179">
        <v>772.3</v>
      </c>
      <c r="AQ179">
        <v>685</v>
      </c>
      <c r="AS179">
        <v>177</v>
      </c>
      <c r="AT179">
        <v>1098.4000000000001</v>
      </c>
      <c r="AU179">
        <v>409</v>
      </c>
      <c r="AW179">
        <v>177</v>
      </c>
      <c r="AX179">
        <v>1404.5</v>
      </c>
      <c r="AY179">
        <v>165</v>
      </c>
      <c r="BA179">
        <v>177</v>
      </c>
      <c r="BB179">
        <v>821.2</v>
      </c>
      <c r="BC179">
        <v>874</v>
      </c>
      <c r="BE179">
        <v>177</v>
      </c>
      <c r="BF179">
        <v>895.4</v>
      </c>
      <c r="BG179">
        <v>468</v>
      </c>
    </row>
    <row r="180" spans="9:59" x14ac:dyDescent="0.25">
      <c r="I180">
        <v>178</v>
      </c>
      <c r="J180">
        <v>831.4</v>
      </c>
      <c r="K180">
        <v>552</v>
      </c>
      <c r="M180">
        <v>178</v>
      </c>
      <c r="N180">
        <v>1446.7</v>
      </c>
      <c r="O180">
        <v>142</v>
      </c>
      <c r="U180">
        <v>178</v>
      </c>
      <c r="V180">
        <v>1039.8</v>
      </c>
      <c r="W180">
        <v>255</v>
      </c>
      <c r="AG180">
        <v>178</v>
      </c>
      <c r="AH180">
        <v>1095.9000000000001</v>
      </c>
      <c r="AI180">
        <v>811</v>
      </c>
      <c r="AO180">
        <v>178</v>
      </c>
      <c r="AP180">
        <v>780.7</v>
      </c>
      <c r="AQ180">
        <v>1706</v>
      </c>
      <c r="AS180">
        <v>178</v>
      </c>
      <c r="AT180">
        <v>1098.8</v>
      </c>
      <c r="AU180">
        <v>228</v>
      </c>
      <c r="AW180">
        <v>178</v>
      </c>
      <c r="AX180">
        <v>1405.4</v>
      </c>
      <c r="AY180">
        <v>379</v>
      </c>
      <c r="BA180">
        <v>178</v>
      </c>
      <c r="BB180">
        <v>821.4</v>
      </c>
      <c r="BC180">
        <v>264</v>
      </c>
      <c r="BE180">
        <v>178</v>
      </c>
      <c r="BF180">
        <v>897.8</v>
      </c>
      <c r="BG180">
        <v>223</v>
      </c>
    </row>
    <row r="181" spans="9:59" x14ac:dyDescent="0.25">
      <c r="I181">
        <v>179</v>
      </c>
      <c r="J181">
        <v>831.8</v>
      </c>
      <c r="K181">
        <v>2121</v>
      </c>
      <c r="M181">
        <v>179</v>
      </c>
      <c r="N181">
        <v>1459.5</v>
      </c>
      <c r="O181">
        <v>217</v>
      </c>
      <c r="U181">
        <v>179</v>
      </c>
      <c r="V181">
        <v>1040</v>
      </c>
      <c r="W181">
        <v>303</v>
      </c>
      <c r="AG181">
        <v>179</v>
      </c>
      <c r="AH181">
        <v>1096.4000000000001</v>
      </c>
      <c r="AI181">
        <v>4065</v>
      </c>
      <c r="AO181">
        <v>179</v>
      </c>
      <c r="AP181">
        <v>781.4</v>
      </c>
      <c r="AQ181">
        <v>419</v>
      </c>
      <c r="AS181">
        <v>179</v>
      </c>
      <c r="AT181">
        <v>1099.5</v>
      </c>
      <c r="AU181">
        <v>564</v>
      </c>
      <c r="AW181">
        <v>179</v>
      </c>
      <c r="AX181">
        <v>1405.6</v>
      </c>
      <c r="AY181">
        <v>114</v>
      </c>
      <c r="BA181">
        <v>179</v>
      </c>
      <c r="BB181">
        <v>821.8</v>
      </c>
      <c r="BC181">
        <v>225</v>
      </c>
      <c r="BE181">
        <v>179</v>
      </c>
      <c r="BF181">
        <v>905.8</v>
      </c>
      <c r="BG181">
        <v>1220</v>
      </c>
    </row>
    <row r="182" spans="9:59" x14ac:dyDescent="0.25">
      <c r="I182">
        <v>180</v>
      </c>
      <c r="J182">
        <v>832.3</v>
      </c>
      <c r="K182">
        <v>2250</v>
      </c>
      <c r="M182">
        <v>180</v>
      </c>
      <c r="N182">
        <v>1460.5</v>
      </c>
      <c r="O182">
        <v>134</v>
      </c>
      <c r="U182">
        <v>180</v>
      </c>
      <c r="V182">
        <v>1043.5</v>
      </c>
      <c r="W182">
        <v>101</v>
      </c>
      <c r="AG182">
        <v>180</v>
      </c>
      <c r="AH182">
        <v>1096.9000000000001</v>
      </c>
      <c r="AI182">
        <v>1554</v>
      </c>
      <c r="AO182">
        <v>180</v>
      </c>
      <c r="AP182">
        <v>782.1</v>
      </c>
      <c r="AQ182">
        <v>2380</v>
      </c>
      <c r="AS182">
        <v>180</v>
      </c>
      <c r="AT182">
        <v>1113.4000000000001</v>
      </c>
      <c r="AU182">
        <v>8297</v>
      </c>
      <c r="AW182">
        <v>180</v>
      </c>
      <c r="AX182">
        <v>1431.6</v>
      </c>
      <c r="AY182">
        <v>109</v>
      </c>
      <c r="BA182">
        <v>180</v>
      </c>
      <c r="BB182">
        <v>826.8</v>
      </c>
      <c r="BC182">
        <v>1809</v>
      </c>
      <c r="BE182">
        <v>180</v>
      </c>
      <c r="BF182">
        <v>906.8</v>
      </c>
      <c r="BG182">
        <v>530</v>
      </c>
    </row>
    <row r="183" spans="9:59" x14ac:dyDescent="0.25">
      <c r="I183">
        <v>181</v>
      </c>
      <c r="J183">
        <v>832.9</v>
      </c>
      <c r="K183">
        <v>1616</v>
      </c>
      <c r="M183">
        <v>181</v>
      </c>
      <c r="N183">
        <v>1461.5</v>
      </c>
      <c r="O183">
        <v>116</v>
      </c>
      <c r="U183">
        <v>181</v>
      </c>
      <c r="V183">
        <v>1045.2</v>
      </c>
      <c r="W183">
        <v>117</v>
      </c>
      <c r="AG183">
        <v>181</v>
      </c>
      <c r="AH183">
        <v>1097.2</v>
      </c>
      <c r="AI183">
        <v>2040</v>
      </c>
      <c r="AO183">
        <v>181</v>
      </c>
      <c r="AP183">
        <v>782.4</v>
      </c>
      <c r="AQ183">
        <v>1213</v>
      </c>
      <c r="AS183">
        <v>181</v>
      </c>
      <c r="AT183">
        <v>1114.5</v>
      </c>
      <c r="AU183">
        <v>2046</v>
      </c>
      <c r="AW183">
        <v>181</v>
      </c>
      <c r="AX183">
        <v>1447.4</v>
      </c>
      <c r="AY183">
        <v>112</v>
      </c>
      <c r="BA183">
        <v>181</v>
      </c>
      <c r="BB183">
        <v>827.9</v>
      </c>
      <c r="BC183">
        <v>916</v>
      </c>
      <c r="BE183">
        <v>181</v>
      </c>
      <c r="BF183">
        <v>907.2</v>
      </c>
      <c r="BG183">
        <v>335</v>
      </c>
    </row>
    <row r="184" spans="9:59" x14ac:dyDescent="0.25">
      <c r="I184">
        <v>182</v>
      </c>
      <c r="J184">
        <v>833.4</v>
      </c>
      <c r="K184">
        <v>807</v>
      </c>
      <c r="M184">
        <v>182</v>
      </c>
      <c r="N184">
        <v>1461.6</v>
      </c>
      <c r="O184">
        <v>148</v>
      </c>
      <c r="U184">
        <v>182</v>
      </c>
      <c r="V184">
        <v>1049.9000000000001</v>
      </c>
      <c r="W184">
        <v>331</v>
      </c>
      <c r="AG184">
        <v>182</v>
      </c>
      <c r="AH184">
        <v>1097.5</v>
      </c>
      <c r="AI184">
        <v>2653</v>
      </c>
      <c r="AO184">
        <v>182</v>
      </c>
      <c r="AP184">
        <v>782.8</v>
      </c>
      <c r="AQ184">
        <v>2977</v>
      </c>
      <c r="AS184">
        <v>182</v>
      </c>
      <c r="AT184">
        <v>1115.3</v>
      </c>
      <c r="AU184">
        <v>404</v>
      </c>
      <c r="AW184">
        <v>182</v>
      </c>
      <c r="AX184">
        <v>1454.4</v>
      </c>
      <c r="AY184">
        <v>388</v>
      </c>
      <c r="BA184">
        <v>182</v>
      </c>
      <c r="BB184">
        <v>830.4</v>
      </c>
      <c r="BC184">
        <v>193</v>
      </c>
      <c r="BE184">
        <v>182</v>
      </c>
      <c r="BF184">
        <v>907.4</v>
      </c>
      <c r="BG184">
        <v>391</v>
      </c>
    </row>
    <row r="185" spans="9:59" x14ac:dyDescent="0.25">
      <c r="I185">
        <v>183</v>
      </c>
      <c r="J185">
        <v>833.8</v>
      </c>
      <c r="K185">
        <v>425</v>
      </c>
      <c r="M185">
        <v>183</v>
      </c>
      <c r="N185">
        <v>1463.3</v>
      </c>
      <c r="O185">
        <v>127</v>
      </c>
      <c r="U185">
        <v>183</v>
      </c>
      <c r="V185">
        <v>1050.5</v>
      </c>
      <c r="W185">
        <v>910</v>
      </c>
      <c r="AG185">
        <v>183</v>
      </c>
      <c r="AH185">
        <v>1098.4000000000001</v>
      </c>
      <c r="AI185">
        <v>5886</v>
      </c>
      <c r="AO185">
        <v>183</v>
      </c>
      <c r="AP185">
        <v>783.3</v>
      </c>
      <c r="AQ185">
        <v>760</v>
      </c>
      <c r="AS185">
        <v>183</v>
      </c>
      <c r="AT185">
        <v>1115.4000000000001</v>
      </c>
      <c r="AU185">
        <v>372</v>
      </c>
      <c r="AW185">
        <v>183</v>
      </c>
      <c r="AX185">
        <v>1462.6</v>
      </c>
      <c r="AY185">
        <v>327</v>
      </c>
      <c r="BA185">
        <v>183</v>
      </c>
      <c r="BB185">
        <v>832.1</v>
      </c>
      <c r="BC185">
        <v>165</v>
      </c>
      <c r="BE185">
        <v>183</v>
      </c>
      <c r="BF185">
        <v>908.1</v>
      </c>
      <c r="BG185">
        <v>1268</v>
      </c>
    </row>
    <row r="186" spans="9:59" x14ac:dyDescent="0.25">
      <c r="I186">
        <v>184</v>
      </c>
      <c r="J186">
        <v>834.9</v>
      </c>
      <c r="K186">
        <v>468</v>
      </c>
      <c r="M186">
        <v>184</v>
      </c>
      <c r="N186">
        <v>1464.4</v>
      </c>
      <c r="O186">
        <v>198</v>
      </c>
      <c r="U186">
        <v>184</v>
      </c>
      <c r="V186">
        <v>1050.9000000000001</v>
      </c>
      <c r="W186">
        <v>594</v>
      </c>
      <c r="AG186">
        <v>184</v>
      </c>
      <c r="AH186">
        <v>1099.5</v>
      </c>
      <c r="AI186">
        <v>1206</v>
      </c>
      <c r="AO186">
        <v>184</v>
      </c>
      <c r="AP186">
        <v>783.8</v>
      </c>
      <c r="AQ186">
        <v>598</v>
      </c>
      <c r="AS186">
        <v>184</v>
      </c>
      <c r="AT186">
        <v>1136.5</v>
      </c>
      <c r="AU186">
        <v>429</v>
      </c>
      <c r="AW186">
        <v>184</v>
      </c>
      <c r="AX186">
        <v>1463.4</v>
      </c>
      <c r="AY186">
        <v>319</v>
      </c>
      <c r="BA186">
        <v>184</v>
      </c>
      <c r="BB186">
        <v>832.8</v>
      </c>
      <c r="BC186">
        <v>1985</v>
      </c>
      <c r="BE186">
        <v>184</v>
      </c>
      <c r="BF186">
        <v>910.3</v>
      </c>
      <c r="BG186">
        <v>109</v>
      </c>
    </row>
    <row r="187" spans="9:59" x14ac:dyDescent="0.25">
      <c r="I187">
        <v>185</v>
      </c>
      <c r="J187">
        <v>840.8</v>
      </c>
      <c r="K187">
        <v>370</v>
      </c>
      <c r="M187">
        <v>185</v>
      </c>
      <c r="N187">
        <v>1464.8</v>
      </c>
      <c r="O187">
        <v>131</v>
      </c>
      <c r="U187">
        <v>185</v>
      </c>
      <c r="V187">
        <v>1051.4000000000001</v>
      </c>
      <c r="W187">
        <v>357</v>
      </c>
      <c r="AG187">
        <v>185</v>
      </c>
      <c r="AH187">
        <v>1100.4000000000001</v>
      </c>
      <c r="AI187">
        <v>221</v>
      </c>
      <c r="AO187">
        <v>185</v>
      </c>
      <c r="AP187">
        <v>790.3</v>
      </c>
      <c r="AQ187">
        <v>942</v>
      </c>
      <c r="AS187">
        <v>185</v>
      </c>
      <c r="AT187">
        <v>1139.2</v>
      </c>
      <c r="AU187">
        <v>127</v>
      </c>
      <c r="AW187">
        <v>185</v>
      </c>
      <c r="AX187">
        <v>1464.4</v>
      </c>
      <c r="AY187">
        <v>1150</v>
      </c>
      <c r="BA187">
        <v>185</v>
      </c>
      <c r="BB187">
        <v>833.3</v>
      </c>
      <c r="BC187">
        <v>1248</v>
      </c>
      <c r="BE187">
        <v>185</v>
      </c>
      <c r="BF187">
        <v>914.9</v>
      </c>
      <c r="BG187">
        <v>922</v>
      </c>
    </row>
    <row r="188" spans="9:59" x14ac:dyDescent="0.25">
      <c r="I188">
        <v>186</v>
      </c>
      <c r="J188">
        <v>841.3</v>
      </c>
      <c r="K188">
        <v>264</v>
      </c>
      <c r="M188">
        <v>186</v>
      </c>
      <c r="N188">
        <v>1470.8</v>
      </c>
      <c r="O188">
        <v>231</v>
      </c>
      <c r="U188">
        <v>186</v>
      </c>
      <c r="V188">
        <v>1057.9000000000001</v>
      </c>
      <c r="W188">
        <v>375</v>
      </c>
      <c r="AG188">
        <v>186</v>
      </c>
      <c r="AH188">
        <v>1131.0999999999999</v>
      </c>
      <c r="AI188">
        <v>753</v>
      </c>
      <c r="AO188">
        <v>186</v>
      </c>
      <c r="AP188">
        <v>791.3</v>
      </c>
      <c r="AQ188">
        <v>4329</v>
      </c>
      <c r="AS188">
        <v>186</v>
      </c>
      <c r="AT188">
        <v>1151.5</v>
      </c>
      <c r="AU188">
        <v>130</v>
      </c>
      <c r="AW188">
        <v>186</v>
      </c>
      <c r="AX188">
        <v>1465.5</v>
      </c>
      <c r="AY188">
        <v>1217</v>
      </c>
      <c r="BA188">
        <v>186</v>
      </c>
      <c r="BB188">
        <v>834.3</v>
      </c>
      <c r="BC188">
        <v>501</v>
      </c>
      <c r="BE188">
        <v>186</v>
      </c>
      <c r="BF188">
        <v>915.4</v>
      </c>
      <c r="BG188">
        <v>1015</v>
      </c>
    </row>
    <row r="189" spans="9:59" x14ac:dyDescent="0.25">
      <c r="I189">
        <v>187</v>
      </c>
      <c r="J189">
        <v>841.9</v>
      </c>
      <c r="K189">
        <v>218</v>
      </c>
      <c r="M189">
        <v>187</v>
      </c>
      <c r="N189">
        <v>1478.3</v>
      </c>
      <c r="O189">
        <v>660</v>
      </c>
      <c r="U189">
        <v>187</v>
      </c>
      <c r="V189">
        <v>1058.4000000000001</v>
      </c>
      <c r="W189">
        <v>2289</v>
      </c>
      <c r="AG189">
        <v>187</v>
      </c>
      <c r="AH189">
        <v>1180.4000000000001</v>
      </c>
      <c r="AI189">
        <v>473</v>
      </c>
      <c r="AO189">
        <v>187</v>
      </c>
      <c r="AP189">
        <v>791.8</v>
      </c>
      <c r="AQ189">
        <v>5483</v>
      </c>
      <c r="AS189">
        <v>187</v>
      </c>
      <c r="AT189">
        <v>1155.4000000000001</v>
      </c>
      <c r="AU189">
        <v>657</v>
      </c>
      <c r="AW189">
        <v>187</v>
      </c>
      <c r="AX189">
        <v>1466.4</v>
      </c>
      <c r="AY189">
        <v>331</v>
      </c>
      <c r="BA189">
        <v>187</v>
      </c>
      <c r="BB189">
        <v>841.8</v>
      </c>
      <c r="BC189">
        <v>605</v>
      </c>
      <c r="BE189">
        <v>187</v>
      </c>
      <c r="BF189">
        <v>915.9</v>
      </c>
      <c r="BG189">
        <v>665</v>
      </c>
    </row>
    <row r="190" spans="9:59" x14ac:dyDescent="0.25">
      <c r="I190">
        <v>188</v>
      </c>
      <c r="J190">
        <v>843.1</v>
      </c>
      <c r="K190">
        <v>166</v>
      </c>
      <c r="M190">
        <v>188</v>
      </c>
      <c r="N190">
        <v>1478.6</v>
      </c>
      <c r="O190">
        <v>141</v>
      </c>
      <c r="U190">
        <v>188</v>
      </c>
      <c r="V190">
        <v>1058.9000000000001</v>
      </c>
      <c r="W190">
        <v>2135</v>
      </c>
      <c r="AG190">
        <v>188</v>
      </c>
      <c r="AH190">
        <v>1200.5</v>
      </c>
      <c r="AI190">
        <v>1756</v>
      </c>
      <c r="AO190">
        <v>188</v>
      </c>
      <c r="AP190">
        <v>792.4</v>
      </c>
      <c r="AQ190">
        <v>583</v>
      </c>
      <c r="AS190">
        <v>188</v>
      </c>
      <c r="AT190">
        <v>1156.4000000000001</v>
      </c>
      <c r="AU190">
        <v>323</v>
      </c>
      <c r="AW190">
        <v>188</v>
      </c>
      <c r="AX190">
        <v>1466.5</v>
      </c>
      <c r="AY190">
        <v>386</v>
      </c>
      <c r="BA190">
        <v>188</v>
      </c>
      <c r="BB190">
        <v>842.3</v>
      </c>
      <c r="BC190">
        <v>904</v>
      </c>
      <c r="BE190">
        <v>188</v>
      </c>
      <c r="BF190">
        <v>916.9</v>
      </c>
      <c r="BG190">
        <v>551</v>
      </c>
    </row>
    <row r="191" spans="9:59" x14ac:dyDescent="0.25">
      <c r="I191">
        <v>189</v>
      </c>
      <c r="J191">
        <v>847.3</v>
      </c>
      <c r="K191">
        <v>330</v>
      </c>
      <c r="M191">
        <v>189</v>
      </c>
      <c r="N191">
        <v>1481.5</v>
      </c>
      <c r="O191">
        <v>111</v>
      </c>
      <c r="U191">
        <v>189</v>
      </c>
      <c r="V191">
        <v>1059.3</v>
      </c>
      <c r="W191">
        <v>1686</v>
      </c>
      <c r="AG191">
        <v>189</v>
      </c>
      <c r="AH191">
        <v>1201.2</v>
      </c>
      <c r="AI191">
        <v>484</v>
      </c>
      <c r="AO191">
        <v>189</v>
      </c>
      <c r="AP191">
        <v>792.8</v>
      </c>
      <c r="AQ191">
        <v>428</v>
      </c>
      <c r="AS191">
        <v>189</v>
      </c>
      <c r="AT191">
        <v>1156.9000000000001</v>
      </c>
      <c r="AU191">
        <v>364</v>
      </c>
      <c r="AW191">
        <v>189</v>
      </c>
      <c r="AX191">
        <v>1466.7</v>
      </c>
      <c r="AY191">
        <v>347</v>
      </c>
      <c r="BA191">
        <v>189</v>
      </c>
      <c r="BB191">
        <v>843</v>
      </c>
      <c r="BC191">
        <v>354</v>
      </c>
      <c r="BE191">
        <v>189</v>
      </c>
      <c r="BF191">
        <v>917.8</v>
      </c>
      <c r="BG191">
        <v>249</v>
      </c>
    </row>
    <row r="192" spans="9:59" x14ac:dyDescent="0.25">
      <c r="I192">
        <v>190</v>
      </c>
      <c r="J192">
        <v>850.6</v>
      </c>
      <c r="K192">
        <v>124</v>
      </c>
      <c r="M192">
        <v>190</v>
      </c>
      <c r="N192">
        <v>1482.8</v>
      </c>
      <c r="O192">
        <v>149</v>
      </c>
      <c r="U192">
        <v>190</v>
      </c>
      <c r="V192">
        <v>1059.8</v>
      </c>
      <c r="W192">
        <v>1931</v>
      </c>
      <c r="AG192">
        <v>190</v>
      </c>
      <c r="AH192">
        <v>1218.4000000000001</v>
      </c>
      <c r="AI192">
        <v>485</v>
      </c>
      <c r="AO192">
        <v>190</v>
      </c>
      <c r="AP192">
        <v>793.3</v>
      </c>
      <c r="AQ192">
        <v>732</v>
      </c>
      <c r="AS192">
        <v>190</v>
      </c>
      <c r="AT192">
        <v>1159.5</v>
      </c>
      <c r="AU192">
        <v>212</v>
      </c>
      <c r="AW192">
        <v>190</v>
      </c>
      <c r="AX192">
        <v>1467.6</v>
      </c>
      <c r="AY192">
        <v>464</v>
      </c>
      <c r="BA192">
        <v>190</v>
      </c>
      <c r="BB192">
        <v>843.4</v>
      </c>
      <c r="BC192">
        <v>670</v>
      </c>
      <c r="BE192">
        <v>190</v>
      </c>
      <c r="BF192">
        <v>918.8</v>
      </c>
      <c r="BG192">
        <v>885</v>
      </c>
    </row>
    <row r="193" spans="9:59" x14ac:dyDescent="0.25">
      <c r="I193">
        <v>191</v>
      </c>
      <c r="J193">
        <v>853.4</v>
      </c>
      <c r="K193">
        <v>705</v>
      </c>
      <c r="M193">
        <v>191</v>
      </c>
      <c r="N193">
        <v>1547.5</v>
      </c>
      <c r="O193">
        <v>178</v>
      </c>
      <c r="U193">
        <v>191</v>
      </c>
      <c r="V193">
        <v>1060.4000000000001</v>
      </c>
      <c r="W193">
        <v>225</v>
      </c>
      <c r="AG193">
        <v>191</v>
      </c>
      <c r="AH193">
        <v>1218.5999999999999</v>
      </c>
      <c r="AI193">
        <v>686</v>
      </c>
      <c r="AO193">
        <v>191</v>
      </c>
      <c r="AP193">
        <v>802.8</v>
      </c>
      <c r="AQ193">
        <v>1129</v>
      </c>
      <c r="AS193">
        <v>191</v>
      </c>
      <c r="AT193">
        <v>1168.3</v>
      </c>
      <c r="AU193">
        <v>189</v>
      </c>
      <c r="AW193">
        <v>191</v>
      </c>
      <c r="AX193">
        <v>1469.6</v>
      </c>
      <c r="AY193">
        <v>113</v>
      </c>
      <c r="BA193">
        <v>191</v>
      </c>
      <c r="BB193">
        <v>844.3</v>
      </c>
      <c r="BC193">
        <v>415</v>
      </c>
      <c r="BE193">
        <v>191</v>
      </c>
      <c r="BF193">
        <v>919.4</v>
      </c>
      <c r="BG193">
        <v>425</v>
      </c>
    </row>
    <row r="194" spans="9:59" x14ac:dyDescent="0.25">
      <c r="I194">
        <v>192</v>
      </c>
      <c r="J194">
        <v>853.8</v>
      </c>
      <c r="K194">
        <v>207</v>
      </c>
      <c r="M194">
        <v>192</v>
      </c>
      <c r="N194">
        <v>1549.7</v>
      </c>
      <c r="O194">
        <v>195</v>
      </c>
      <c r="U194">
        <v>192</v>
      </c>
      <c r="V194">
        <v>1061</v>
      </c>
      <c r="W194">
        <v>581</v>
      </c>
      <c r="AG194">
        <v>192</v>
      </c>
      <c r="AH194">
        <v>1239.0999999999999</v>
      </c>
      <c r="AI194">
        <v>768</v>
      </c>
      <c r="AO194">
        <v>192</v>
      </c>
      <c r="AP194">
        <v>803.9</v>
      </c>
      <c r="AQ194">
        <v>566</v>
      </c>
      <c r="AS194">
        <v>192</v>
      </c>
      <c r="AT194">
        <v>1173.3</v>
      </c>
      <c r="AU194">
        <v>183</v>
      </c>
      <c r="AW194">
        <v>192</v>
      </c>
      <c r="AX194">
        <v>1487.6</v>
      </c>
      <c r="AY194">
        <v>224</v>
      </c>
      <c r="BA194">
        <v>192</v>
      </c>
      <c r="BB194">
        <v>851.3</v>
      </c>
      <c r="BC194">
        <v>279</v>
      </c>
      <c r="BE194">
        <v>192</v>
      </c>
      <c r="BF194">
        <v>922.9</v>
      </c>
      <c r="BG194">
        <v>491</v>
      </c>
    </row>
    <row r="195" spans="9:59" x14ac:dyDescent="0.25">
      <c r="I195">
        <v>193</v>
      </c>
      <c r="J195">
        <v>858.2</v>
      </c>
      <c r="K195">
        <v>171</v>
      </c>
      <c r="M195">
        <v>193</v>
      </c>
      <c r="N195">
        <v>1583.4</v>
      </c>
      <c r="O195">
        <v>123</v>
      </c>
      <c r="U195">
        <v>193</v>
      </c>
      <c r="V195">
        <v>1061.5</v>
      </c>
      <c r="W195">
        <v>379</v>
      </c>
      <c r="AG195">
        <v>193</v>
      </c>
      <c r="AH195">
        <v>1239.4000000000001</v>
      </c>
      <c r="AI195">
        <v>1250</v>
      </c>
      <c r="AO195">
        <v>193</v>
      </c>
      <c r="AP195">
        <v>851.2</v>
      </c>
      <c r="AQ195">
        <v>615</v>
      </c>
      <c r="AS195">
        <v>193</v>
      </c>
      <c r="AT195">
        <v>1179.3</v>
      </c>
      <c r="AU195">
        <v>131</v>
      </c>
      <c r="AW195">
        <v>193</v>
      </c>
      <c r="AX195">
        <v>1491.5</v>
      </c>
      <c r="AY195">
        <v>425</v>
      </c>
      <c r="BA195">
        <v>193</v>
      </c>
      <c r="BB195">
        <v>853.4</v>
      </c>
      <c r="BC195">
        <v>256</v>
      </c>
      <c r="BE195">
        <v>193</v>
      </c>
      <c r="BF195">
        <v>925.9</v>
      </c>
      <c r="BG195">
        <v>231</v>
      </c>
    </row>
    <row r="196" spans="9:59" x14ac:dyDescent="0.25">
      <c r="I196">
        <v>194</v>
      </c>
      <c r="J196">
        <v>858.9</v>
      </c>
      <c r="K196">
        <v>140</v>
      </c>
      <c r="M196">
        <v>194</v>
      </c>
      <c r="N196">
        <v>1584.6</v>
      </c>
      <c r="O196">
        <v>107</v>
      </c>
      <c r="U196">
        <v>194</v>
      </c>
      <c r="V196">
        <v>1067.4000000000001</v>
      </c>
      <c r="W196">
        <v>130</v>
      </c>
      <c r="AG196">
        <v>194</v>
      </c>
      <c r="AH196">
        <v>1240.5999999999999</v>
      </c>
      <c r="AI196">
        <v>204</v>
      </c>
      <c r="AO196">
        <v>194</v>
      </c>
      <c r="AP196">
        <v>870.4</v>
      </c>
      <c r="AQ196">
        <v>479</v>
      </c>
      <c r="AS196">
        <v>194</v>
      </c>
      <c r="AT196">
        <v>1184.5</v>
      </c>
      <c r="AU196">
        <v>176</v>
      </c>
      <c r="AW196">
        <v>194</v>
      </c>
      <c r="AX196">
        <v>1506.7</v>
      </c>
      <c r="AY196">
        <v>321</v>
      </c>
      <c r="BA196">
        <v>194</v>
      </c>
      <c r="BB196">
        <v>855.3</v>
      </c>
      <c r="BC196">
        <v>562</v>
      </c>
      <c r="BE196">
        <v>194</v>
      </c>
      <c r="BF196">
        <v>926.7</v>
      </c>
      <c r="BG196">
        <v>2420</v>
      </c>
    </row>
    <row r="197" spans="9:59" x14ac:dyDescent="0.25">
      <c r="I197">
        <v>195</v>
      </c>
      <c r="J197">
        <v>859.8</v>
      </c>
      <c r="K197">
        <v>124</v>
      </c>
      <c r="M197">
        <v>195</v>
      </c>
      <c r="N197">
        <v>1589.7</v>
      </c>
      <c r="O197">
        <v>179</v>
      </c>
      <c r="U197">
        <v>195</v>
      </c>
      <c r="V197">
        <v>1067.8</v>
      </c>
      <c r="W197">
        <v>367</v>
      </c>
      <c r="AG197">
        <v>195</v>
      </c>
      <c r="AH197">
        <v>1257.4000000000001</v>
      </c>
      <c r="AI197">
        <v>880</v>
      </c>
      <c r="AO197">
        <v>195</v>
      </c>
      <c r="AP197">
        <v>873.3</v>
      </c>
      <c r="AQ197">
        <v>626</v>
      </c>
      <c r="AS197">
        <v>195</v>
      </c>
      <c r="AT197">
        <v>1199.5</v>
      </c>
      <c r="AU197">
        <v>154</v>
      </c>
      <c r="AW197">
        <v>195</v>
      </c>
      <c r="AX197">
        <v>1523.3</v>
      </c>
      <c r="AY197">
        <v>130</v>
      </c>
      <c r="BA197">
        <v>195</v>
      </c>
      <c r="BB197">
        <v>863.3</v>
      </c>
      <c r="BC197">
        <v>1441</v>
      </c>
      <c r="BE197">
        <v>195</v>
      </c>
      <c r="BF197">
        <v>927.3</v>
      </c>
      <c r="BG197">
        <v>565</v>
      </c>
    </row>
    <row r="198" spans="9:59" x14ac:dyDescent="0.25">
      <c r="I198">
        <v>196</v>
      </c>
      <c r="J198">
        <v>862.9</v>
      </c>
      <c r="K198">
        <v>300</v>
      </c>
      <c r="M198">
        <v>196</v>
      </c>
      <c r="N198">
        <v>1591.6</v>
      </c>
      <c r="O198">
        <v>115</v>
      </c>
      <c r="U198">
        <v>196</v>
      </c>
      <c r="V198">
        <v>1068</v>
      </c>
      <c r="W198">
        <v>236</v>
      </c>
      <c r="AG198">
        <v>196</v>
      </c>
      <c r="AH198">
        <v>1259.2</v>
      </c>
      <c r="AI198">
        <v>549</v>
      </c>
      <c r="AO198">
        <v>196</v>
      </c>
      <c r="AP198">
        <v>874.6</v>
      </c>
      <c r="AQ198">
        <v>486</v>
      </c>
      <c r="AS198">
        <v>196</v>
      </c>
      <c r="AT198">
        <v>1203.0999999999999</v>
      </c>
      <c r="AU198">
        <v>385</v>
      </c>
      <c r="AW198">
        <v>196</v>
      </c>
      <c r="AX198">
        <v>1525.4</v>
      </c>
      <c r="AY198">
        <v>101</v>
      </c>
      <c r="BA198">
        <v>196</v>
      </c>
      <c r="BB198">
        <v>863.9</v>
      </c>
      <c r="BC198">
        <v>204</v>
      </c>
      <c r="BE198">
        <v>196</v>
      </c>
      <c r="BF198">
        <v>927.8</v>
      </c>
      <c r="BG198">
        <v>919</v>
      </c>
    </row>
    <row r="199" spans="9:59" x14ac:dyDescent="0.25">
      <c r="I199">
        <v>197</v>
      </c>
      <c r="J199">
        <v>864.9</v>
      </c>
      <c r="K199">
        <v>207</v>
      </c>
      <c r="M199">
        <v>197</v>
      </c>
      <c r="N199">
        <v>1605.7</v>
      </c>
      <c r="O199">
        <v>134</v>
      </c>
      <c r="U199">
        <v>197</v>
      </c>
      <c r="V199">
        <v>1068.4000000000001</v>
      </c>
      <c r="W199">
        <v>570</v>
      </c>
      <c r="AG199">
        <v>197</v>
      </c>
      <c r="AH199">
        <v>1260.5</v>
      </c>
      <c r="AI199">
        <v>6266</v>
      </c>
      <c r="AO199">
        <v>197</v>
      </c>
      <c r="AP199">
        <v>876.1</v>
      </c>
      <c r="AQ199">
        <v>1019</v>
      </c>
      <c r="AS199">
        <v>197</v>
      </c>
      <c r="AT199">
        <v>1216.4000000000001</v>
      </c>
      <c r="AU199">
        <v>721</v>
      </c>
      <c r="AW199">
        <v>197</v>
      </c>
      <c r="AX199">
        <v>1547.4</v>
      </c>
      <c r="AY199">
        <v>1465</v>
      </c>
      <c r="BA199">
        <v>197</v>
      </c>
      <c r="BB199">
        <v>864.9</v>
      </c>
      <c r="BC199">
        <v>621</v>
      </c>
      <c r="BE199">
        <v>197</v>
      </c>
      <c r="BF199">
        <v>928.4</v>
      </c>
      <c r="BG199">
        <v>888</v>
      </c>
    </row>
    <row r="200" spans="9:59" x14ac:dyDescent="0.25">
      <c r="I200">
        <v>198</v>
      </c>
      <c r="J200">
        <v>867</v>
      </c>
      <c r="K200">
        <v>121</v>
      </c>
      <c r="M200">
        <v>198</v>
      </c>
      <c r="N200">
        <v>1607.6</v>
      </c>
      <c r="O200">
        <v>237</v>
      </c>
      <c r="U200">
        <v>198</v>
      </c>
      <c r="V200">
        <v>1069.9000000000001</v>
      </c>
      <c r="W200">
        <v>197</v>
      </c>
      <c r="AG200">
        <v>198</v>
      </c>
      <c r="AH200">
        <v>1261.3</v>
      </c>
      <c r="AI200">
        <v>2394</v>
      </c>
      <c r="AO200">
        <v>198</v>
      </c>
      <c r="AP200">
        <v>893.3</v>
      </c>
      <c r="AQ200">
        <v>261</v>
      </c>
      <c r="AS200">
        <v>198</v>
      </c>
      <c r="AT200">
        <v>1219.3</v>
      </c>
      <c r="AU200">
        <v>363</v>
      </c>
      <c r="AW200">
        <v>198</v>
      </c>
      <c r="AX200">
        <v>1547.5</v>
      </c>
      <c r="AY200">
        <v>1194</v>
      </c>
      <c r="BA200">
        <v>198</v>
      </c>
      <c r="BB200">
        <v>868.4</v>
      </c>
      <c r="BC200">
        <v>156</v>
      </c>
      <c r="BE200">
        <v>198</v>
      </c>
      <c r="BF200">
        <v>929.3</v>
      </c>
      <c r="BG200">
        <v>430</v>
      </c>
    </row>
    <row r="201" spans="9:59" x14ac:dyDescent="0.25">
      <c r="I201">
        <v>199</v>
      </c>
      <c r="J201">
        <v>878</v>
      </c>
      <c r="K201">
        <v>156</v>
      </c>
      <c r="M201">
        <v>199</v>
      </c>
      <c r="N201">
        <v>1608.5</v>
      </c>
      <c r="O201">
        <v>336</v>
      </c>
      <c r="U201">
        <v>199</v>
      </c>
      <c r="V201">
        <v>1079.8</v>
      </c>
      <c r="W201">
        <v>327</v>
      </c>
      <c r="AG201">
        <v>199</v>
      </c>
      <c r="AH201">
        <v>1262.2</v>
      </c>
      <c r="AI201">
        <v>319</v>
      </c>
      <c r="AO201">
        <v>199</v>
      </c>
      <c r="AP201">
        <v>902.5</v>
      </c>
      <c r="AQ201">
        <v>1102</v>
      </c>
      <c r="AS201">
        <v>199</v>
      </c>
      <c r="AT201">
        <v>1221.5</v>
      </c>
      <c r="AU201">
        <v>173</v>
      </c>
      <c r="AW201">
        <v>199</v>
      </c>
      <c r="AX201">
        <v>1548.1</v>
      </c>
      <c r="AY201">
        <v>164</v>
      </c>
      <c r="BA201">
        <v>199</v>
      </c>
      <c r="BB201">
        <v>869.5</v>
      </c>
      <c r="BC201">
        <v>145</v>
      </c>
      <c r="BE201">
        <v>199</v>
      </c>
      <c r="BF201">
        <v>932.8</v>
      </c>
      <c r="BG201">
        <v>227</v>
      </c>
    </row>
    <row r="202" spans="9:59" x14ac:dyDescent="0.25">
      <c r="I202">
        <v>200</v>
      </c>
      <c r="J202">
        <v>879.4</v>
      </c>
      <c r="K202">
        <v>274</v>
      </c>
      <c r="M202">
        <v>200</v>
      </c>
      <c r="N202">
        <v>1621.3</v>
      </c>
      <c r="O202">
        <v>116</v>
      </c>
      <c r="U202">
        <v>200</v>
      </c>
      <c r="V202">
        <v>1080.4000000000001</v>
      </c>
      <c r="W202">
        <v>510</v>
      </c>
      <c r="AG202">
        <v>200</v>
      </c>
      <c r="AH202">
        <v>1263.7</v>
      </c>
      <c r="AI202">
        <v>705</v>
      </c>
      <c r="AO202">
        <v>200</v>
      </c>
      <c r="AP202">
        <v>910.3</v>
      </c>
      <c r="AQ202">
        <v>1691</v>
      </c>
      <c r="AS202">
        <v>200</v>
      </c>
      <c r="AT202">
        <v>1222.4000000000001</v>
      </c>
      <c r="AU202">
        <v>511</v>
      </c>
      <c r="AW202">
        <v>200</v>
      </c>
      <c r="AX202">
        <v>1548.5</v>
      </c>
      <c r="AY202">
        <v>1758</v>
      </c>
      <c r="BA202">
        <v>200</v>
      </c>
      <c r="BB202">
        <v>872.3</v>
      </c>
      <c r="BC202">
        <v>3345</v>
      </c>
      <c r="BE202">
        <v>200</v>
      </c>
      <c r="BF202">
        <v>934.5</v>
      </c>
      <c r="BG202">
        <v>491</v>
      </c>
    </row>
    <row r="203" spans="9:59" x14ac:dyDescent="0.25">
      <c r="I203">
        <v>201</v>
      </c>
      <c r="J203">
        <v>880.2</v>
      </c>
      <c r="K203">
        <v>107</v>
      </c>
      <c r="M203">
        <v>201</v>
      </c>
      <c r="N203">
        <v>1621.6</v>
      </c>
      <c r="O203">
        <v>297</v>
      </c>
      <c r="U203">
        <v>201</v>
      </c>
      <c r="V203">
        <v>1089.4000000000001</v>
      </c>
      <c r="W203">
        <v>296</v>
      </c>
      <c r="AG203">
        <v>201</v>
      </c>
      <c r="AH203">
        <v>1299.5</v>
      </c>
      <c r="AI203">
        <v>2890</v>
      </c>
      <c r="AO203">
        <v>201</v>
      </c>
      <c r="AP203">
        <v>910.5</v>
      </c>
      <c r="AQ203">
        <v>2098</v>
      </c>
      <c r="AS203">
        <v>201</v>
      </c>
      <c r="AT203">
        <v>1222.7</v>
      </c>
      <c r="AU203">
        <v>456</v>
      </c>
      <c r="AW203">
        <v>201</v>
      </c>
      <c r="AX203">
        <v>1549.4</v>
      </c>
      <c r="AY203">
        <v>211</v>
      </c>
      <c r="BA203">
        <v>201</v>
      </c>
      <c r="BB203">
        <v>872.8</v>
      </c>
      <c r="BC203">
        <v>705</v>
      </c>
      <c r="BE203">
        <v>201</v>
      </c>
      <c r="BF203">
        <v>935.8</v>
      </c>
      <c r="BG203">
        <v>2658</v>
      </c>
    </row>
    <row r="204" spans="9:59" x14ac:dyDescent="0.25">
      <c r="I204">
        <v>202</v>
      </c>
      <c r="J204">
        <v>883.9</v>
      </c>
      <c r="K204">
        <v>879</v>
      </c>
      <c r="M204">
        <v>202</v>
      </c>
      <c r="N204">
        <v>1625.7</v>
      </c>
      <c r="O204">
        <v>221</v>
      </c>
      <c r="U204">
        <v>202</v>
      </c>
      <c r="V204">
        <v>1090.3</v>
      </c>
      <c r="W204">
        <v>447</v>
      </c>
      <c r="AG204">
        <v>202</v>
      </c>
      <c r="AH204">
        <v>1301.3</v>
      </c>
      <c r="AI204">
        <v>648</v>
      </c>
      <c r="AO204">
        <v>202</v>
      </c>
      <c r="AP204">
        <v>911.1</v>
      </c>
      <c r="AQ204">
        <v>1318</v>
      </c>
      <c r="AS204">
        <v>202</v>
      </c>
      <c r="AT204">
        <v>1223.5999999999999</v>
      </c>
      <c r="AU204">
        <v>275</v>
      </c>
      <c r="AW204">
        <v>202</v>
      </c>
      <c r="AX204">
        <v>1549.5</v>
      </c>
      <c r="AY204">
        <v>207</v>
      </c>
      <c r="BA204">
        <v>202</v>
      </c>
      <c r="BB204">
        <v>873.1</v>
      </c>
      <c r="BC204">
        <v>1016</v>
      </c>
      <c r="BE204">
        <v>202</v>
      </c>
      <c r="BF204">
        <v>936.4</v>
      </c>
      <c r="BG204">
        <v>3031</v>
      </c>
    </row>
    <row r="205" spans="9:59" x14ac:dyDescent="0.25">
      <c r="I205">
        <v>203</v>
      </c>
      <c r="J205">
        <v>884.4</v>
      </c>
      <c r="K205">
        <v>1443</v>
      </c>
      <c r="M205">
        <v>203</v>
      </c>
      <c r="N205">
        <v>1626.6</v>
      </c>
      <c r="O205">
        <v>211</v>
      </c>
      <c r="U205">
        <v>203</v>
      </c>
      <c r="V205">
        <v>1090.7</v>
      </c>
      <c r="W205">
        <v>174</v>
      </c>
      <c r="AO205">
        <v>203</v>
      </c>
      <c r="AP205">
        <v>911.4</v>
      </c>
      <c r="AQ205">
        <v>493</v>
      </c>
      <c r="AS205">
        <v>203</v>
      </c>
      <c r="AT205">
        <v>1236.4000000000001</v>
      </c>
      <c r="AU205">
        <v>102</v>
      </c>
      <c r="AW205">
        <v>203</v>
      </c>
      <c r="AX205">
        <v>1550.5</v>
      </c>
      <c r="AY205">
        <v>114</v>
      </c>
      <c r="BA205">
        <v>203</v>
      </c>
      <c r="BB205">
        <v>873.4</v>
      </c>
      <c r="BC205">
        <v>2318</v>
      </c>
      <c r="BE205">
        <v>203</v>
      </c>
      <c r="BF205">
        <v>937.1</v>
      </c>
      <c r="BG205">
        <v>1444</v>
      </c>
    </row>
    <row r="206" spans="9:59" x14ac:dyDescent="0.25">
      <c r="I206">
        <v>204</v>
      </c>
      <c r="J206">
        <v>884.8</v>
      </c>
      <c r="K206">
        <v>245</v>
      </c>
      <c r="M206">
        <v>204</v>
      </c>
      <c r="N206">
        <v>1627.5</v>
      </c>
      <c r="O206">
        <v>361</v>
      </c>
      <c r="U206">
        <v>204</v>
      </c>
      <c r="V206">
        <v>1099.4000000000001</v>
      </c>
      <c r="W206">
        <v>181</v>
      </c>
      <c r="AO206">
        <v>204</v>
      </c>
      <c r="AP206">
        <v>913.1</v>
      </c>
      <c r="AQ206">
        <v>280</v>
      </c>
      <c r="AS206">
        <v>204</v>
      </c>
      <c r="AT206">
        <v>1239.5</v>
      </c>
      <c r="AU206">
        <v>734</v>
      </c>
      <c r="AW206">
        <v>204</v>
      </c>
      <c r="AX206">
        <v>1551.4</v>
      </c>
      <c r="AY206">
        <v>139</v>
      </c>
      <c r="BA206">
        <v>204</v>
      </c>
      <c r="BB206">
        <v>873.8</v>
      </c>
      <c r="BC206">
        <v>1018</v>
      </c>
      <c r="BE206">
        <v>204</v>
      </c>
      <c r="BF206">
        <v>937.5</v>
      </c>
      <c r="BG206">
        <v>1527</v>
      </c>
    </row>
    <row r="207" spans="9:59" x14ac:dyDescent="0.25">
      <c r="I207">
        <v>205</v>
      </c>
      <c r="J207">
        <v>885.3</v>
      </c>
      <c r="K207">
        <v>413</v>
      </c>
      <c r="M207">
        <v>205</v>
      </c>
      <c r="N207">
        <v>1631.7</v>
      </c>
      <c r="O207">
        <v>266</v>
      </c>
      <c r="U207">
        <v>205</v>
      </c>
      <c r="V207">
        <v>1108</v>
      </c>
      <c r="W207">
        <v>144</v>
      </c>
      <c r="AO207">
        <v>205</v>
      </c>
      <c r="AP207">
        <v>923.3</v>
      </c>
      <c r="AQ207">
        <v>153</v>
      </c>
      <c r="AS207">
        <v>205</v>
      </c>
      <c r="AT207">
        <v>1240.2</v>
      </c>
      <c r="AU207">
        <v>381</v>
      </c>
      <c r="AW207">
        <v>205</v>
      </c>
      <c r="AX207">
        <v>1565.5</v>
      </c>
      <c r="AY207">
        <v>1079</v>
      </c>
      <c r="BA207">
        <v>205</v>
      </c>
      <c r="BB207">
        <v>875</v>
      </c>
      <c r="BC207">
        <v>137</v>
      </c>
      <c r="BE207">
        <v>205</v>
      </c>
      <c r="BF207">
        <v>937.9</v>
      </c>
      <c r="BG207">
        <v>174</v>
      </c>
    </row>
    <row r="208" spans="9:59" x14ac:dyDescent="0.25">
      <c r="I208">
        <v>206</v>
      </c>
      <c r="J208">
        <v>885.9</v>
      </c>
      <c r="K208">
        <v>339</v>
      </c>
      <c r="M208">
        <v>206</v>
      </c>
      <c r="N208">
        <v>1646.6</v>
      </c>
      <c r="O208">
        <v>272</v>
      </c>
      <c r="U208">
        <v>206</v>
      </c>
      <c r="V208">
        <v>1109.3</v>
      </c>
      <c r="W208">
        <v>147</v>
      </c>
      <c r="AO208">
        <v>206</v>
      </c>
      <c r="AP208">
        <v>933.2</v>
      </c>
      <c r="AQ208">
        <v>273</v>
      </c>
      <c r="AS208">
        <v>206</v>
      </c>
      <c r="AT208">
        <v>1242</v>
      </c>
      <c r="AU208">
        <v>327</v>
      </c>
      <c r="AW208">
        <v>206</v>
      </c>
      <c r="AX208">
        <v>1566.4</v>
      </c>
      <c r="AY208">
        <v>424</v>
      </c>
      <c r="BA208">
        <v>206</v>
      </c>
      <c r="BB208">
        <v>876.3</v>
      </c>
      <c r="BC208">
        <v>148</v>
      </c>
      <c r="BE208">
        <v>206</v>
      </c>
      <c r="BF208">
        <v>939.9</v>
      </c>
      <c r="BG208">
        <v>539</v>
      </c>
    </row>
    <row r="209" spans="9:59" x14ac:dyDescent="0.25">
      <c r="I209">
        <v>207</v>
      </c>
      <c r="J209">
        <v>892.9</v>
      </c>
      <c r="K209">
        <v>1526</v>
      </c>
      <c r="M209">
        <v>207</v>
      </c>
      <c r="N209">
        <v>1751.6</v>
      </c>
      <c r="O209">
        <v>200</v>
      </c>
      <c r="U209">
        <v>207</v>
      </c>
      <c r="V209">
        <v>1110.4000000000001</v>
      </c>
      <c r="W209">
        <v>2631</v>
      </c>
      <c r="AO209">
        <v>207</v>
      </c>
      <c r="AP209">
        <v>933.5</v>
      </c>
      <c r="AQ209">
        <v>1052</v>
      </c>
      <c r="AS209">
        <v>207</v>
      </c>
      <c r="AT209">
        <v>1242.4000000000001</v>
      </c>
      <c r="AU209">
        <v>201</v>
      </c>
      <c r="AW209">
        <v>207</v>
      </c>
      <c r="AX209">
        <v>1566.6</v>
      </c>
      <c r="AY209">
        <v>1087</v>
      </c>
      <c r="BA209">
        <v>207</v>
      </c>
      <c r="BB209">
        <v>881.5</v>
      </c>
      <c r="BC209">
        <v>174</v>
      </c>
      <c r="BE209">
        <v>207</v>
      </c>
      <c r="BF209">
        <v>944.5</v>
      </c>
      <c r="BG209">
        <v>278</v>
      </c>
    </row>
    <row r="210" spans="9:59" x14ac:dyDescent="0.25">
      <c r="I210">
        <v>208</v>
      </c>
      <c r="J210">
        <v>893.4</v>
      </c>
      <c r="K210">
        <v>716</v>
      </c>
      <c r="M210">
        <v>208</v>
      </c>
      <c r="N210">
        <v>1770.6</v>
      </c>
      <c r="O210">
        <v>433</v>
      </c>
      <c r="U210">
        <v>208</v>
      </c>
      <c r="V210">
        <v>1111</v>
      </c>
      <c r="W210">
        <v>605</v>
      </c>
      <c r="AO210">
        <v>208</v>
      </c>
      <c r="AP210">
        <v>951.4</v>
      </c>
      <c r="AQ210">
        <v>1477</v>
      </c>
      <c r="AS210">
        <v>208</v>
      </c>
      <c r="AT210">
        <v>1243.5</v>
      </c>
      <c r="AU210">
        <v>606</v>
      </c>
      <c r="AW210">
        <v>208</v>
      </c>
      <c r="AX210">
        <v>1567.3</v>
      </c>
      <c r="AY210">
        <v>218</v>
      </c>
      <c r="BA210">
        <v>208</v>
      </c>
      <c r="BB210">
        <v>883.4</v>
      </c>
      <c r="BC210">
        <v>2255</v>
      </c>
      <c r="BE210">
        <v>208</v>
      </c>
      <c r="BF210">
        <v>945.4</v>
      </c>
      <c r="BG210">
        <v>250</v>
      </c>
    </row>
    <row r="211" spans="9:59" x14ac:dyDescent="0.25">
      <c r="I211">
        <v>209</v>
      </c>
      <c r="J211">
        <v>894</v>
      </c>
      <c r="K211">
        <v>529</v>
      </c>
      <c r="M211">
        <v>209</v>
      </c>
      <c r="N211">
        <v>1810.8</v>
      </c>
      <c r="O211">
        <v>115</v>
      </c>
      <c r="U211">
        <v>209</v>
      </c>
      <c r="V211">
        <v>1111.4000000000001</v>
      </c>
      <c r="W211">
        <v>707</v>
      </c>
      <c r="AO211">
        <v>209</v>
      </c>
      <c r="AP211">
        <v>952.6</v>
      </c>
      <c r="AQ211">
        <v>632</v>
      </c>
      <c r="AS211">
        <v>209</v>
      </c>
      <c r="AT211">
        <v>1256.4000000000001</v>
      </c>
      <c r="AU211">
        <v>809</v>
      </c>
      <c r="AW211">
        <v>209</v>
      </c>
      <c r="AX211">
        <v>1567.5</v>
      </c>
      <c r="AY211">
        <v>217</v>
      </c>
      <c r="BA211">
        <v>209</v>
      </c>
      <c r="BB211">
        <v>883.7</v>
      </c>
      <c r="BC211">
        <v>889</v>
      </c>
      <c r="BE211">
        <v>209</v>
      </c>
      <c r="BF211">
        <v>948.3</v>
      </c>
      <c r="BG211">
        <v>160</v>
      </c>
    </row>
    <row r="212" spans="9:59" x14ac:dyDescent="0.25">
      <c r="I212">
        <v>210</v>
      </c>
      <c r="J212">
        <v>897.7</v>
      </c>
      <c r="K212">
        <v>168</v>
      </c>
      <c r="M212">
        <v>210</v>
      </c>
      <c r="N212">
        <v>1812.4</v>
      </c>
      <c r="O212">
        <v>158</v>
      </c>
      <c r="U212">
        <v>210</v>
      </c>
      <c r="V212">
        <v>1112</v>
      </c>
      <c r="W212">
        <v>323</v>
      </c>
      <c r="AO212">
        <v>210</v>
      </c>
      <c r="AP212">
        <v>965.3</v>
      </c>
      <c r="AQ212">
        <v>147</v>
      </c>
      <c r="AS212">
        <v>210</v>
      </c>
      <c r="AT212">
        <v>1257.5999999999999</v>
      </c>
      <c r="AU212">
        <v>395</v>
      </c>
      <c r="AW212">
        <v>210</v>
      </c>
      <c r="AX212">
        <v>1589.6</v>
      </c>
      <c r="AY212">
        <v>185</v>
      </c>
      <c r="BA212">
        <v>210</v>
      </c>
      <c r="BB212">
        <v>884</v>
      </c>
      <c r="BC212">
        <v>408</v>
      </c>
      <c r="BE212">
        <v>210</v>
      </c>
      <c r="BF212">
        <v>948.8</v>
      </c>
      <c r="BG212">
        <v>1167</v>
      </c>
    </row>
    <row r="213" spans="9:59" x14ac:dyDescent="0.25">
      <c r="I213">
        <v>211</v>
      </c>
      <c r="J213">
        <v>898.8</v>
      </c>
      <c r="K213">
        <v>130</v>
      </c>
      <c r="U213">
        <v>211</v>
      </c>
      <c r="V213">
        <v>1114.5</v>
      </c>
      <c r="W213">
        <v>169</v>
      </c>
      <c r="AO213">
        <v>211</v>
      </c>
      <c r="AP213">
        <v>970.2</v>
      </c>
      <c r="AQ213">
        <v>479</v>
      </c>
      <c r="AS213">
        <v>211</v>
      </c>
      <c r="AT213">
        <v>1258.4000000000001</v>
      </c>
      <c r="AU213">
        <v>137</v>
      </c>
      <c r="AW213">
        <v>211</v>
      </c>
      <c r="AX213">
        <v>1625.3</v>
      </c>
      <c r="AY213">
        <v>146</v>
      </c>
      <c r="BA213">
        <v>211</v>
      </c>
      <c r="BB213">
        <v>884.4</v>
      </c>
      <c r="BC213">
        <v>2396</v>
      </c>
      <c r="BE213">
        <v>211</v>
      </c>
      <c r="BF213">
        <v>949.4</v>
      </c>
      <c r="BG213">
        <v>1134</v>
      </c>
    </row>
    <row r="214" spans="9:59" x14ac:dyDescent="0.25">
      <c r="I214">
        <v>212</v>
      </c>
      <c r="J214">
        <v>900.5</v>
      </c>
      <c r="K214">
        <v>612</v>
      </c>
      <c r="U214">
        <v>212</v>
      </c>
      <c r="V214">
        <v>1119.4000000000001</v>
      </c>
      <c r="W214">
        <v>2666</v>
      </c>
      <c r="AO214">
        <v>212</v>
      </c>
      <c r="AP214">
        <v>971.1</v>
      </c>
      <c r="AQ214">
        <v>146</v>
      </c>
      <c r="AS214">
        <v>212</v>
      </c>
      <c r="AT214">
        <v>1260.4000000000001</v>
      </c>
      <c r="AU214">
        <v>1932</v>
      </c>
      <c r="AW214">
        <v>212</v>
      </c>
      <c r="AX214">
        <v>1625.7</v>
      </c>
      <c r="AY214">
        <v>209</v>
      </c>
      <c r="BA214">
        <v>212</v>
      </c>
      <c r="BB214">
        <v>886.3</v>
      </c>
      <c r="BC214">
        <v>238</v>
      </c>
      <c r="BE214">
        <v>212</v>
      </c>
      <c r="BF214">
        <v>950</v>
      </c>
      <c r="BG214">
        <v>377</v>
      </c>
    </row>
    <row r="215" spans="9:59" x14ac:dyDescent="0.25">
      <c r="I215">
        <v>213</v>
      </c>
      <c r="J215">
        <v>901.2</v>
      </c>
      <c r="K215">
        <v>266</v>
      </c>
      <c r="U215">
        <v>213</v>
      </c>
      <c r="V215">
        <v>1119.9000000000001</v>
      </c>
      <c r="W215">
        <v>1260</v>
      </c>
      <c r="AO215">
        <v>213</v>
      </c>
      <c r="AP215">
        <v>1014.9</v>
      </c>
      <c r="AQ215">
        <v>182</v>
      </c>
      <c r="AS215">
        <v>213</v>
      </c>
      <c r="AT215">
        <v>1261.5999999999999</v>
      </c>
      <c r="AU215">
        <v>612</v>
      </c>
      <c r="AW215">
        <v>213</v>
      </c>
      <c r="AX215">
        <v>1626.6</v>
      </c>
      <c r="AY215">
        <v>304</v>
      </c>
      <c r="BA215">
        <v>213</v>
      </c>
      <c r="BB215">
        <v>906.4</v>
      </c>
      <c r="BC215">
        <v>1111</v>
      </c>
      <c r="BE215">
        <v>213</v>
      </c>
      <c r="BF215">
        <v>950.4</v>
      </c>
      <c r="BG215">
        <v>175</v>
      </c>
    </row>
    <row r="216" spans="9:59" x14ac:dyDescent="0.25">
      <c r="I216">
        <v>214</v>
      </c>
      <c r="J216">
        <v>902.5</v>
      </c>
      <c r="K216">
        <v>132</v>
      </c>
      <c r="U216">
        <v>214</v>
      </c>
      <c r="V216">
        <v>1120.4000000000001</v>
      </c>
      <c r="W216">
        <v>552</v>
      </c>
      <c r="AO216">
        <v>214</v>
      </c>
      <c r="AP216">
        <v>1016.6</v>
      </c>
      <c r="AQ216">
        <v>637</v>
      </c>
      <c r="AS216">
        <v>214</v>
      </c>
      <c r="AT216">
        <v>1262.7</v>
      </c>
      <c r="AU216">
        <v>257</v>
      </c>
      <c r="AW216">
        <v>214</v>
      </c>
      <c r="AX216">
        <v>1627.1</v>
      </c>
      <c r="AY216">
        <v>144</v>
      </c>
      <c r="BA216">
        <v>214</v>
      </c>
      <c r="BB216">
        <v>910.2</v>
      </c>
      <c r="BC216">
        <v>673</v>
      </c>
      <c r="BE216">
        <v>214</v>
      </c>
      <c r="BF216">
        <v>956.9</v>
      </c>
      <c r="BG216">
        <v>8908</v>
      </c>
    </row>
    <row r="217" spans="9:59" x14ac:dyDescent="0.25">
      <c r="I217">
        <v>215</v>
      </c>
      <c r="J217">
        <v>903.7</v>
      </c>
      <c r="K217">
        <v>104</v>
      </c>
      <c r="U217">
        <v>215</v>
      </c>
      <c r="V217">
        <v>1120.8</v>
      </c>
      <c r="W217">
        <v>114</v>
      </c>
      <c r="AO217">
        <v>215</v>
      </c>
      <c r="AP217">
        <v>1017.3</v>
      </c>
      <c r="AQ217">
        <v>533</v>
      </c>
      <c r="AS217">
        <v>215</v>
      </c>
      <c r="AT217">
        <v>1281.4000000000001</v>
      </c>
      <c r="AU217">
        <v>1533</v>
      </c>
      <c r="AW217">
        <v>215</v>
      </c>
      <c r="AX217">
        <v>1627.6</v>
      </c>
      <c r="AY217">
        <v>103</v>
      </c>
      <c r="BA217">
        <v>215</v>
      </c>
      <c r="BB217">
        <v>910.4</v>
      </c>
      <c r="BC217">
        <v>297</v>
      </c>
      <c r="BE217">
        <v>215</v>
      </c>
      <c r="BF217">
        <v>957.3</v>
      </c>
      <c r="BG217">
        <v>4637</v>
      </c>
    </row>
    <row r="218" spans="9:59" x14ac:dyDescent="0.25">
      <c r="I218">
        <v>216</v>
      </c>
      <c r="J218">
        <v>904</v>
      </c>
      <c r="K218">
        <v>583</v>
      </c>
      <c r="U218">
        <v>216</v>
      </c>
      <c r="V218">
        <v>1121.5</v>
      </c>
      <c r="W218">
        <v>435</v>
      </c>
      <c r="AO218">
        <v>216</v>
      </c>
      <c r="AP218">
        <v>1035.3</v>
      </c>
      <c r="AQ218">
        <v>542</v>
      </c>
      <c r="AS218">
        <v>216</v>
      </c>
      <c r="AT218">
        <v>1281.5999999999999</v>
      </c>
      <c r="AU218">
        <v>2725</v>
      </c>
      <c r="AW218">
        <v>216</v>
      </c>
      <c r="AX218">
        <v>1627.8</v>
      </c>
      <c r="AY218">
        <v>354</v>
      </c>
      <c r="BA218">
        <v>216</v>
      </c>
      <c r="BB218">
        <v>911.3</v>
      </c>
      <c r="BC218">
        <v>433</v>
      </c>
      <c r="BE218">
        <v>216</v>
      </c>
      <c r="BF218">
        <v>957.8</v>
      </c>
      <c r="BG218">
        <v>5871</v>
      </c>
    </row>
    <row r="219" spans="9:59" x14ac:dyDescent="0.25">
      <c r="I219">
        <v>217</v>
      </c>
      <c r="J219">
        <v>904.4</v>
      </c>
      <c r="K219">
        <v>144</v>
      </c>
      <c r="U219">
        <v>217</v>
      </c>
      <c r="V219">
        <v>1123.8</v>
      </c>
      <c r="W219">
        <v>262</v>
      </c>
      <c r="AO219">
        <v>217</v>
      </c>
      <c r="AP219">
        <v>1036.3</v>
      </c>
      <c r="AQ219">
        <v>1794</v>
      </c>
      <c r="AS219">
        <v>217</v>
      </c>
      <c r="AT219">
        <v>1282.3</v>
      </c>
      <c r="AU219">
        <v>1310</v>
      </c>
      <c r="AW219">
        <v>217</v>
      </c>
      <c r="AX219">
        <v>1711.7</v>
      </c>
      <c r="AY219">
        <v>148</v>
      </c>
      <c r="BA219">
        <v>217</v>
      </c>
      <c r="BB219">
        <v>916.3</v>
      </c>
      <c r="BC219">
        <v>825</v>
      </c>
      <c r="BE219">
        <v>217</v>
      </c>
      <c r="BF219">
        <v>958.3</v>
      </c>
      <c r="BG219">
        <v>4133</v>
      </c>
    </row>
    <row r="220" spans="9:59" x14ac:dyDescent="0.25">
      <c r="I220">
        <v>218</v>
      </c>
      <c r="J220">
        <v>904.7</v>
      </c>
      <c r="K220">
        <v>223</v>
      </c>
      <c r="U220">
        <v>218</v>
      </c>
      <c r="V220">
        <v>1124.4000000000001</v>
      </c>
      <c r="W220">
        <v>274</v>
      </c>
      <c r="AO220">
        <v>218</v>
      </c>
      <c r="AP220">
        <v>1037.5</v>
      </c>
      <c r="AQ220">
        <v>972</v>
      </c>
      <c r="AS220">
        <v>218</v>
      </c>
      <c r="AT220">
        <v>1283.4000000000001</v>
      </c>
      <c r="AU220">
        <v>394</v>
      </c>
      <c r="AW220">
        <v>218</v>
      </c>
      <c r="AX220">
        <v>1788.7</v>
      </c>
      <c r="AY220">
        <v>205</v>
      </c>
      <c r="BA220">
        <v>218</v>
      </c>
      <c r="BB220">
        <v>935.3</v>
      </c>
      <c r="BC220">
        <v>327</v>
      </c>
      <c r="BE220">
        <v>218</v>
      </c>
      <c r="BF220">
        <v>958.7</v>
      </c>
      <c r="BG220">
        <v>1895</v>
      </c>
    </row>
    <row r="221" spans="9:59" x14ac:dyDescent="0.25">
      <c r="I221">
        <v>219</v>
      </c>
      <c r="J221">
        <v>905.4</v>
      </c>
      <c r="K221">
        <v>241</v>
      </c>
      <c r="U221">
        <v>219</v>
      </c>
      <c r="V221">
        <v>1126.5</v>
      </c>
      <c r="W221">
        <v>193</v>
      </c>
      <c r="AO221">
        <v>219</v>
      </c>
      <c r="AP221">
        <v>1053.3</v>
      </c>
      <c r="AQ221">
        <v>1455</v>
      </c>
      <c r="AS221">
        <v>219</v>
      </c>
      <c r="AT221">
        <v>1330.5</v>
      </c>
      <c r="AU221">
        <v>171</v>
      </c>
      <c r="AW221">
        <v>219</v>
      </c>
      <c r="AX221">
        <v>1813.5</v>
      </c>
      <c r="AY221">
        <v>159</v>
      </c>
      <c r="BA221">
        <v>219</v>
      </c>
      <c r="BB221">
        <v>940</v>
      </c>
      <c r="BC221">
        <v>285</v>
      </c>
      <c r="BE221">
        <v>219</v>
      </c>
      <c r="BF221">
        <v>958.9</v>
      </c>
      <c r="BG221">
        <v>2148</v>
      </c>
    </row>
    <row r="222" spans="9:59" x14ac:dyDescent="0.25">
      <c r="I222">
        <v>220</v>
      </c>
      <c r="J222">
        <v>933.3</v>
      </c>
      <c r="K222">
        <v>208</v>
      </c>
      <c r="U222">
        <v>220</v>
      </c>
      <c r="V222">
        <v>1130.5</v>
      </c>
      <c r="W222">
        <v>369</v>
      </c>
      <c r="AO222">
        <v>220</v>
      </c>
      <c r="AP222">
        <v>1054.5</v>
      </c>
      <c r="AQ222">
        <v>1146</v>
      </c>
      <c r="AS222">
        <v>220</v>
      </c>
      <c r="AT222">
        <v>1337.6</v>
      </c>
      <c r="AU222">
        <v>148</v>
      </c>
      <c r="BA222">
        <v>220</v>
      </c>
      <c r="BB222">
        <v>971.5</v>
      </c>
      <c r="BC222">
        <v>297</v>
      </c>
      <c r="BE222">
        <v>220</v>
      </c>
      <c r="BF222">
        <v>959.4</v>
      </c>
      <c r="BG222">
        <v>1145</v>
      </c>
    </row>
    <row r="223" spans="9:59" x14ac:dyDescent="0.25">
      <c r="I223">
        <v>221</v>
      </c>
      <c r="J223">
        <v>934.1</v>
      </c>
      <c r="K223">
        <v>121</v>
      </c>
      <c r="U223">
        <v>221</v>
      </c>
      <c r="V223">
        <v>1130.9000000000001</v>
      </c>
      <c r="W223">
        <v>678</v>
      </c>
      <c r="AO223">
        <v>221</v>
      </c>
      <c r="AP223">
        <v>1055.5999999999999</v>
      </c>
      <c r="AQ223">
        <v>309</v>
      </c>
      <c r="AS223">
        <v>221</v>
      </c>
      <c r="AT223">
        <v>1361.8</v>
      </c>
      <c r="AU223">
        <v>167</v>
      </c>
      <c r="BA223">
        <v>221</v>
      </c>
      <c r="BB223">
        <v>993.5</v>
      </c>
      <c r="BC223">
        <v>179</v>
      </c>
      <c r="BE223">
        <v>221</v>
      </c>
      <c r="BF223">
        <v>962.8</v>
      </c>
      <c r="BG223">
        <v>408</v>
      </c>
    </row>
    <row r="224" spans="9:59" x14ac:dyDescent="0.25">
      <c r="I224">
        <v>222</v>
      </c>
      <c r="J224">
        <v>934.7</v>
      </c>
      <c r="K224">
        <v>172</v>
      </c>
      <c r="U224">
        <v>222</v>
      </c>
      <c r="V224">
        <v>1131.3</v>
      </c>
      <c r="W224">
        <v>187</v>
      </c>
      <c r="AO224">
        <v>222</v>
      </c>
      <c r="AP224">
        <v>1056.5</v>
      </c>
      <c r="AQ224">
        <v>593</v>
      </c>
      <c r="AS224">
        <v>222</v>
      </c>
      <c r="AT224">
        <v>1362.6</v>
      </c>
      <c r="AU224">
        <v>259</v>
      </c>
      <c r="BA224">
        <v>222</v>
      </c>
      <c r="BB224">
        <v>997.3</v>
      </c>
      <c r="BC224">
        <v>145</v>
      </c>
      <c r="BE224">
        <v>222</v>
      </c>
      <c r="BF224">
        <v>963.8</v>
      </c>
      <c r="BG224">
        <v>248</v>
      </c>
    </row>
    <row r="225" spans="9:59" x14ac:dyDescent="0.25">
      <c r="I225">
        <v>223</v>
      </c>
      <c r="J225">
        <v>951.3</v>
      </c>
      <c r="K225">
        <v>170</v>
      </c>
      <c r="U225">
        <v>223</v>
      </c>
      <c r="V225">
        <v>1131.9000000000001</v>
      </c>
      <c r="W225">
        <v>541</v>
      </c>
      <c r="AO225">
        <v>223</v>
      </c>
      <c r="AP225">
        <v>1057.5999999999999</v>
      </c>
      <c r="AQ225">
        <v>381</v>
      </c>
      <c r="AS225">
        <v>223</v>
      </c>
      <c r="AT225">
        <v>1364.6</v>
      </c>
      <c r="AU225">
        <v>879</v>
      </c>
      <c r="BA225">
        <v>223</v>
      </c>
      <c r="BB225">
        <v>1035.3</v>
      </c>
      <c r="BC225">
        <v>312</v>
      </c>
      <c r="BE225">
        <v>223</v>
      </c>
      <c r="BF225">
        <v>964.8</v>
      </c>
      <c r="BG225">
        <v>159</v>
      </c>
    </row>
    <row r="226" spans="9:59" x14ac:dyDescent="0.25">
      <c r="I226">
        <v>224</v>
      </c>
      <c r="J226">
        <v>951.5</v>
      </c>
      <c r="K226">
        <v>102</v>
      </c>
      <c r="U226">
        <v>224</v>
      </c>
      <c r="V226">
        <v>1132.3</v>
      </c>
      <c r="W226">
        <v>307</v>
      </c>
      <c r="AO226">
        <v>224</v>
      </c>
      <c r="AP226">
        <v>1058.5</v>
      </c>
      <c r="AQ226">
        <v>187</v>
      </c>
      <c r="AS226">
        <v>224</v>
      </c>
      <c r="AT226">
        <v>1367.6</v>
      </c>
      <c r="AU226">
        <v>184</v>
      </c>
      <c r="BA226">
        <v>224</v>
      </c>
      <c r="BB226">
        <v>1036.4000000000001</v>
      </c>
      <c r="BC226">
        <v>523</v>
      </c>
      <c r="BE226">
        <v>224</v>
      </c>
      <c r="BF226">
        <v>965.9</v>
      </c>
      <c r="BG226">
        <v>176</v>
      </c>
    </row>
    <row r="227" spans="9:59" x14ac:dyDescent="0.25">
      <c r="I227">
        <v>225</v>
      </c>
      <c r="J227">
        <v>952.2</v>
      </c>
      <c r="K227">
        <v>162</v>
      </c>
      <c r="U227">
        <v>225</v>
      </c>
      <c r="V227">
        <v>1132.7</v>
      </c>
      <c r="W227">
        <v>321</v>
      </c>
      <c r="AO227">
        <v>225</v>
      </c>
      <c r="AP227">
        <v>1059.5999999999999</v>
      </c>
      <c r="AQ227">
        <v>206</v>
      </c>
      <c r="AS227">
        <v>225</v>
      </c>
      <c r="AT227">
        <v>1379.5</v>
      </c>
      <c r="AU227">
        <v>249</v>
      </c>
      <c r="BA227">
        <v>225</v>
      </c>
      <c r="BB227">
        <v>1040.3</v>
      </c>
      <c r="BC227">
        <v>369</v>
      </c>
      <c r="BE227">
        <v>225</v>
      </c>
      <c r="BF227">
        <v>966.4</v>
      </c>
      <c r="BG227">
        <v>633</v>
      </c>
    </row>
    <row r="228" spans="9:59" x14ac:dyDescent="0.25">
      <c r="I228">
        <v>226</v>
      </c>
      <c r="J228">
        <v>1008.3</v>
      </c>
      <c r="K228">
        <v>110</v>
      </c>
      <c r="U228">
        <v>226</v>
      </c>
      <c r="V228">
        <v>1139.5999999999999</v>
      </c>
      <c r="W228">
        <v>425</v>
      </c>
      <c r="AO228">
        <v>226</v>
      </c>
      <c r="AP228">
        <v>1060.4000000000001</v>
      </c>
      <c r="AQ228">
        <v>565</v>
      </c>
      <c r="AS228">
        <v>226</v>
      </c>
      <c r="AT228">
        <v>1385.6</v>
      </c>
      <c r="AU228">
        <v>609</v>
      </c>
      <c r="BA228">
        <v>226</v>
      </c>
      <c r="BB228">
        <v>1053.4000000000001</v>
      </c>
      <c r="BC228">
        <v>1205</v>
      </c>
      <c r="BE228">
        <v>226</v>
      </c>
      <c r="BF228">
        <v>966.9</v>
      </c>
      <c r="BG228">
        <v>299</v>
      </c>
    </row>
    <row r="229" spans="9:59" x14ac:dyDescent="0.25">
      <c r="I229">
        <v>227</v>
      </c>
      <c r="J229">
        <v>1033.5999999999999</v>
      </c>
      <c r="K229">
        <v>114</v>
      </c>
      <c r="U229">
        <v>227</v>
      </c>
      <c r="V229">
        <v>1183.5</v>
      </c>
      <c r="W229">
        <v>120</v>
      </c>
      <c r="AO229">
        <v>227</v>
      </c>
      <c r="AP229">
        <v>1073.5</v>
      </c>
      <c r="AQ229">
        <v>725</v>
      </c>
      <c r="AS229">
        <v>227</v>
      </c>
      <c r="AT229">
        <v>1386.5</v>
      </c>
      <c r="AU229">
        <v>821</v>
      </c>
      <c r="BA229">
        <v>227</v>
      </c>
      <c r="BB229">
        <v>1054.4000000000001</v>
      </c>
      <c r="BC229">
        <v>1147</v>
      </c>
      <c r="BE229">
        <v>227</v>
      </c>
      <c r="BF229">
        <v>967.5</v>
      </c>
      <c r="BG229">
        <v>673</v>
      </c>
    </row>
    <row r="230" spans="9:59" x14ac:dyDescent="0.25">
      <c r="I230">
        <v>228</v>
      </c>
      <c r="J230">
        <v>1035.4000000000001</v>
      </c>
      <c r="K230">
        <v>101</v>
      </c>
      <c r="U230">
        <v>228</v>
      </c>
      <c r="V230">
        <v>1203.5</v>
      </c>
      <c r="W230">
        <v>294</v>
      </c>
      <c r="AO230">
        <v>228</v>
      </c>
      <c r="AP230">
        <v>1076.5</v>
      </c>
      <c r="AQ230">
        <v>716</v>
      </c>
      <c r="AS230">
        <v>228</v>
      </c>
      <c r="AT230">
        <v>1401.4</v>
      </c>
      <c r="AU230">
        <v>690</v>
      </c>
      <c r="BA230">
        <v>228</v>
      </c>
      <c r="BB230">
        <v>1055.4000000000001</v>
      </c>
      <c r="BC230">
        <v>122</v>
      </c>
      <c r="BE230">
        <v>228</v>
      </c>
      <c r="BF230">
        <v>972.3</v>
      </c>
      <c r="BG230">
        <v>403</v>
      </c>
    </row>
    <row r="231" spans="9:59" x14ac:dyDescent="0.25">
      <c r="I231">
        <v>229</v>
      </c>
      <c r="J231">
        <v>1036.4000000000001</v>
      </c>
      <c r="K231">
        <v>195</v>
      </c>
      <c r="U231">
        <v>229</v>
      </c>
      <c r="V231">
        <v>1209.5999999999999</v>
      </c>
      <c r="W231">
        <v>179</v>
      </c>
      <c r="AO231">
        <v>229</v>
      </c>
      <c r="AP231">
        <v>1078.0999999999999</v>
      </c>
      <c r="AQ231">
        <v>1063</v>
      </c>
      <c r="AS231">
        <v>229</v>
      </c>
      <c r="AT231">
        <v>1402.5</v>
      </c>
      <c r="AU231">
        <v>496</v>
      </c>
      <c r="BA231">
        <v>229</v>
      </c>
      <c r="BB231">
        <v>1078.3</v>
      </c>
      <c r="BC231">
        <v>971</v>
      </c>
      <c r="BE231">
        <v>229</v>
      </c>
      <c r="BF231">
        <v>972.8</v>
      </c>
      <c r="BG231">
        <v>505</v>
      </c>
    </row>
    <row r="232" spans="9:59" x14ac:dyDescent="0.25">
      <c r="I232">
        <v>230</v>
      </c>
      <c r="J232">
        <v>1038.5</v>
      </c>
      <c r="K232">
        <v>187</v>
      </c>
      <c r="U232">
        <v>230</v>
      </c>
      <c r="V232">
        <v>1215.8</v>
      </c>
      <c r="W232">
        <v>120</v>
      </c>
      <c r="AO232">
        <v>230</v>
      </c>
      <c r="AP232">
        <v>1078.5</v>
      </c>
      <c r="AQ232">
        <v>283</v>
      </c>
      <c r="AS232">
        <v>230</v>
      </c>
      <c r="AT232">
        <v>1403.4</v>
      </c>
      <c r="AU232">
        <v>291</v>
      </c>
      <c r="BA232">
        <v>230</v>
      </c>
      <c r="BB232">
        <v>1079.5</v>
      </c>
      <c r="BC232">
        <v>158</v>
      </c>
      <c r="BE232">
        <v>230</v>
      </c>
      <c r="BF232">
        <v>973.4</v>
      </c>
      <c r="BG232">
        <v>771</v>
      </c>
    </row>
    <row r="233" spans="9:59" x14ac:dyDescent="0.25">
      <c r="I233">
        <v>231</v>
      </c>
      <c r="J233">
        <v>1044.3</v>
      </c>
      <c r="K233">
        <v>103</v>
      </c>
      <c r="U233">
        <v>231</v>
      </c>
      <c r="V233">
        <v>1224.4000000000001</v>
      </c>
      <c r="W233">
        <v>592</v>
      </c>
      <c r="AO233">
        <v>231</v>
      </c>
      <c r="AP233">
        <v>1079.4000000000001</v>
      </c>
      <c r="AQ233">
        <v>708</v>
      </c>
      <c r="AS233">
        <v>231</v>
      </c>
      <c r="AT233">
        <v>1404.5</v>
      </c>
      <c r="AU233">
        <v>232</v>
      </c>
      <c r="BA233">
        <v>231</v>
      </c>
      <c r="BB233">
        <v>1080.5</v>
      </c>
      <c r="BC233">
        <v>219</v>
      </c>
      <c r="BE233">
        <v>231</v>
      </c>
      <c r="BF233">
        <v>976.4</v>
      </c>
      <c r="BG233">
        <v>214</v>
      </c>
    </row>
    <row r="234" spans="9:59" x14ac:dyDescent="0.25">
      <c r="I234">
        <v>232</v>
      </c>
      <c r="J234">
        <v>1044.5999999999999</v>
      </c>
      <c r="K234">
        <v>216</v>
      </c>
      <c r="U234">
        <v>232</v>
      </c>
      <c r="V234">
        <v>1225.5</v>
      </c>
      <c r="W234">
        <v>435</v>
      </c>
      <c r="AO234">
        <v>232</v>
      </c>
      <c r="AP234">
        <v>1080.0999999999999</v>
      </c>
      <c r="AQ234">
        <v>337</v>
      </c>
      <c r="AS234">
        <v>232</v>
      </c>
      <c r="AT234">
        <v>1405.7</v>
      </c>
      <c r="AU234">
        <v>170</v>
      </c>
      <c r="BA234">
        <v>232</v>
      </c>
      <c r="BB234">
        <v>1089.5999999999999</v>
      </c>
      <c r="BC234">
        <v>231</v>
      </c>
      <c r="BE234">
        <v>232</v>
      </c>
      <c r="BF234">
        <v>978.2</v>
      </c>
      <c r="BG234">
        <v>558</v>
      </c>
    </row>
    <row r="235" spans="9:59" x14ac:dyDescent="0.25">
      <c r="I235">
        <v>233</v>
      </c>
      <c r="J235">
        <v>1054.4000000000001</v>
      </c>
      <c r="K235">
        <v>187</v>
      </c>
      <c r="U235">
        <v>233</v>
      </c>
      <c r="V235">
        <v>1227.3</v>
      </c>
      <c r="W235">
        <v>298</v>
      </c>
      <c r="AO235">
        <v>233</v>
      </c>
      <c r="AP235">
        <v>1080.4000000000001</v>
      </c>
      <c r="AQ235">
        <v>675</v>
      </c>
      <c r="AS235">
        <v>233</v>
      </c>
      <c r="AT235">
        <v>1406.7</v>
      </c>
      <c r="AU235">
        <v>545</v>
      </c>
      <c r="BA235">
        <v>233</v>
      </c>
      <c r="BB235">
        <v>1095.3</v>
      </c>
      <c r="BC235">
        <v>1115</v>
      </c>
      <c r="BE235">
        <v>233</v>
      </c>
      <c r="BF235">
        <v>978.7</v>
      </c>
      <c r="BG235">
        <v>799</v>
      </c>
    </row>
    <row r="236" spans="9:59" x14ac:dyDescent="0.25">
      <c r="I236">
        <v>234</v>
      </c>
      <c r="J236">
        <v>1057.8</v>
      </c>
      <c r="K236">
        <v>148</v>
      </c>
      <c r="U236">
        <v>234</v>
      </c>
      <c r="V236">
        <v>1257.5999999999999</v>
      </c>
      <c r="W236">
        <v>213</v>
      </c>
      <c r="AO236">
        <v>234</v>
      </c>
      <c r="AP236">
        <v>1094.5</v>
      </c>
      <c r="AQ236">
        <v>2105</v>
      </c>
      <c r="AS236">
        <v>234</v>
      </c>
      <c r="AT236">
        <v>1407.3</v>
      </c>
      <c r="AU236">
        <v>441</v>
      </c>
      <c r="BA236">
        <v>234</v>
      </c>
      <c r="BB236">
        <v>1096.4000000000001</v>
      </c>
      <c r="BC236">
        <v>1617</v>
      </c>
      <c r="BE236">
        <v>234</v>
      </c>
      <c r="BF236">
        <v>979</v>
      </c>
      <c r="BG236">
        <v>785</v>
      </c>
    </row>
    <row r="237" spans="9:59" x14ac:dyDescent="0.25">
      <c r="I237">
        <v>235</v>
      </c>
      <c r="J237">
        <v>1063.5</v>
      </c>
      <c r="K237">
        <v>261</v>
      </c>
      <c r="U237">
        <v>235</v>
      </c>
      <c r="V237">
        <v>1285.5</v>
      </c>
      <c r="W237">
        <v>172</v>
      </c>
      <c r="AO237">
        <v>235</v>
      </c>
      <c r="AP237">
        <v>1096.4000000000001</v>
      </c>
      <c r="AQ237">
        <v>1164</v>
      </c>
      <c r="AS237">
        <v>235</v>
      </c>
      <c r="AT237">
        <v>1420.3</v>
      </c>
      <c r="AU237">
        <v>100</v>
      </c>
      <c r="BA237">
        <v>235</v>
      </c>
      <c r="BB237">
        <v>1097.5</v>
      </c>
      <c r="BC237">
        <v>564</v>
      </c>
      <c r="BE237">
        <v>235</v>
      </c>
      <c r="BF237">
        <v>979.3</v>
      </c>
      <c r="BG237">
        <v>580</v>
      </c>
    </row>
    <row r="238" spans="9:59" x14ac:dyDescent="0.25">
      <c r="I238">
        <v>236</v>
      </c>
      <c r="J238">
        <v>1078.4000000000001</v>
      </c>
      <c r="K238">
        <v>286</v>
      </c>
      <c r="U238">
        <v>236</v>
      </c>
      <c r="V238">
        <v>1344.5</v>
      </c>
      <c r="W238">
        <v>140</v>
      </c>
      <c r="AO238">
        <v>236</v>
      </c>
      <c r="AP238">
        <v>1097.2</v>
      </c>
      <c r="AQ238">
        <v>783</v>
      </c>
      <c r="AS238">
        <v>236</v>
      </c>
      <c r="AT238">
        <v>1422.4</v>
      </c>
      <c r="AU238">
        <v>257</v>
      </c>
      <c r="BA238">
        <v>236</v>
      </c>
      <c r="BB238">
        <v>1098.4000000000001</v>
      </c>
      <c r="BC238">
        <v>431</v>
      </c>
      <c r="BE238">
        <v>236</v>
      </c>
      <c r="BF238">
        <v>980</v>
      </c>
      <c r="BG238">
        <v>248</v>
      </c>
    </row>
    <row r="239" spans="9:59" x14ac:dyDescent="0.25">
      <c r="I239">
        <v>237</v>
      </c>
      <c r="J239">
        <v>1080.4000000000001</v>
      </c>
      <c r="K239">
        <v>197</v>
      </c>
      <c r="U239">
        <v>237</v>
      </c>
      <c r="V239">
        <v>1362.4</v>
      </c>
      <c r="W239">
        <v>133</v>
      </c>
      <c r="AO239">
        <v>237</v>
      </c>
      <c r="AP239">
        <v>1097.5</v>
      </c>
      <c r="AQ239">
        <v>907</v>
      </c>
      <c r="AS239">
        <v>237</v>
      </c>
      <c r="AT239">
        <v>1423.3</v>
      </c>
      <c r="AU239">
        <v>289</v>
      </c>
      <c r="BA239">
        <v>237</v>
      </c>
      <c r="BB239">
        <v>1099.4000000000001</v>
      </c>
      <c r="BC239">
        <v>187</v>
      </c>
      <c r="BE239">
        <v>237</v>
      </c>
      <c r="BF239">
        <v>988.4</v>
      </c>
      <c r="BG239">
        <v>522</v>
      </c>
    </row>
    <row r="240" spans="9:59" x14ac:dyDescent="0.25">
      <c r="I240">
        <v>238</v>
      </c>
      <c r="J240">
        <v>1081.3</v>
      </c>
      <c r="K240">
        <v>552</v>
      </c>
      <c r="U240">
        <v>238</v>
      </c>
      <c r="V240">
        <v>1363.6</v>
      </c>
      <c r="W240">
        <v>454</v>
      </c>
      <c r="AO240">
        <v>238</v>
      </c>
      <c r="AP240">
        <v>1098.5999999999999</v>
      </c>
      <c r="AQ240">
        <v>3457</v>
      </c>
      <c r="AS240">
        <v>238</v>
      </c>
      <c r="AT240">
        <v>1427.5</v>
      </c>
      <c r="AU240">
        <v>120</v>
      </c>
      <c r="BA240">
        <v>238</v>
      </c>
      <c r="BB240">
        <v>1109.3</v>
      </c>
      <c r="BC240">
        <v>132</v>
      </c>
      <c r="BE240">
        <v>238</v>
      </c>
      <c r="BF240">
        <v>994.4</v>
      </c>
      <c r="BG240">
        <v>288</v>
      </c>
    </row>
    <row r="241" spans="9:59" x14ac:dyDescent="0.25">
      <c r="I241">
        <v>239</v>
      </c>
      <c r="J241">
        <v>1095.0999999999999</v>
      </c>
      <c r="K241">
        <v>135</v>
      </c>
      <c r="U241">
        <v>239</v>
      </c>
      <c r="V241">
        <v>1364.5</v>
      </c>
      <c r="W241">
        <v>291</v>
      </c>
      <c r="AO241">
        <v>239</v>
      </c>
      <c r="AP241">
        <v>1113.0999999999999</v>
      </c>
      <c r="AQ241">
        <v>2153</v>
      </c>
      <c r="AS241">
        <v>239</v>
      </c>
      <c r="AT241">
        <v>1444.6</v>
      </c>
      <c r="AU241">
        <v>370</v>
      </c>
      <c r="BA241">
        <v>239</v>
      </c>
      <c r="BB241">
        <v>1113.4000000000001</v>
      </c>
      <c r="BC241">
        <v>927</v>
      </c>
      <c r="BE241">
        <v>239</v>
      </c>
      <c r="BF241">
        <v>996.7</v>
      </c>
      <c r="BG241">
        <v>272</v>
      </c>
    </row>
    <row r="242" spans="9:59" x14ac:dyDescent="0.25">
      <c r="I242">
        <v>240</v>
      </c>
      <c r="J242">
        <v>1095.4000000000001</v>
      </c>
      <c r="K242">
        <v>305</v>
      </c>
      <c r="U242">
        <v>240</v>
      </c>
      <c r="V242">
        <v>1368.6</v>
      </c>
      <c r="W242">
        <v>185</v>
      </c>
      <c r="AO242">
        <v>240</v>
      </c>
      <c r="AP242">
        <v>1113.5</v>
      </c>
      <c r="AQ242">
        <v>10735</v>
      </c>
      <c r="AS242">
        <v>240</v>
      </c>
      <c r="AT242">
        <v>1445.6</v>
      </c>
      <c r="AU242">
        <v>2479</v>
      </c>
      <c r="BA242">
        <v>240</v>
      </c>
      <c r="BB242">
        <v>1114.2</v>
      </c>
      <c r="BC242">
        <v>322</v>
      </c>
      <c r="BE242">
        <v>240</v>
      </c>
      <c r="BF242">
        <v>997</v>
      </c>
      <c r="BG242">
        <v>195</v>
      </c>
    </row>
    <row r="243" spans="9:59" x14ac:dyDescent="0.25">
      <c r="I243">
        <v>241</v>
      </c>
      <c r="J243">
        <v>1096.4000000000001</v>
      </c>
      <c r="K243">
        <v>247</v>
      </c>
      <c r="U243">
        <v>241</v>
      </c>
      <c r="V243">
        <v>1373.9</v>
      </c>
      <c r="W243">
        <v>136</v>
      </c>
      <c r="AO243">
        <v>241</v>
      </c>
      <c r="AP243">
        <v>1114.3</v>
      </c>
      <c r="AQ243">
        <v>4387</v>
      </c>
      <c r="AS243">
        <v>241</v>
      </c>
      <c r="AT243">
        <v>1446.4</v>
      </c>
      <c r="AU243">
        <v>1990</v>
      </c>
      <c r="BA243">
        <v>241</v>
      </c>
      <c r="BB243">
        <v>1114.5</v>
      </c>
      <c r="BC243">
        <v>338</v>
      </c>
      <c r="BE243">
        <v>241</v>
      </c>
      <c r="BF243">
        <v>997.4</v>
      </c>
      <c r="BG243">
        <v>274</v>
      </c>
    </row>
    <row r="244" spans="9:59" x14ac:dyDescent="0.25">
      <c r="I244">
        <v>242</v>
      </c>
      <c r="J244">
        <v>1096.7</v>
      </c>
      <c r="K244">
        <v>109</v>
      </c>
      <c r="U244">
        <v>242</v>
      </c>
      <c r="V244">
        <v>1386.6</v>
      </c>
      <c r="W244">
        <v>139</v>
      </c>
      <c r="AO244">
        <v>242</v>
      </c>
      <c r="AP244">
        <v>1115</v>
      </c>
      <c r="AQ244">
        <v>155</v>
      </c>
      <c r="AS244">
        <v>242</v>
      </c>
      <c r="AT244">
        <v>1446.7</v>
      </c>
      <c r="AU244">
        <v>1764</v>
      </c>
      <c r="BA244">
        <v>242</v>
      </c>
      <c r="BB244">
        <v>1116.4000000000001</v>
      </c>
      <c r="BC244">
        <v>453</v>
      </c>
      <c r="BE244">
        <v>242</v>
      </c>
      <c r="BF244">
        <v>1003.5</v>
      </c>
      <c r="BG244">
        <v>842</v>
      </c>
    </row>
    <row r="245" spans="9:59" x14ac:dyDescent="0.25">
      <c r="I245">
        <v>243</v>
      </c>
      <c r="J245">
        <v>1110.8</v>
      </c>
      <c r="K245">
        <v>103</v>
      </c>
      <c r="U245">
        <v>243</v>
      </c>
      <c r="V245">
        <v>1387.4</v>
      </c>
      <c r="W245">
        <v>161</v>
      </c>
      <c r="AO245">
        <v>243</v>
      </c>
      <c r="AP245">
        <v>1115.3</v>
      </c>
      <c r="AQ245">
        <v>1355</v>
      </c>
      <c r="AS245">
        <v>243</v>
      </c>
      <c r="AT245">
        <v>1447.6</v>
      </c>
      <c r="AU245">
        <v>950</v>
      </c>
      <c r="BA245">
        <v>243</v>
      </c>
      <c r="BB245">
        <v>1118.2</v>
      </c>
      <c r="BC245">
        <v>138</v>
      </c>
      <c r="BE245">
        <v>243</v>
      </c>
      <c r="BF245">
        <v>1004.4</v>
      </c>
      <c r="BG245">
        <v>124</v>
      </c>
    </row>
    <row r="246" spans="9:59" x14ac:dyDescent="0.25">
      <c r="I246">
        <v>244</v>
      </c>
      <c r="J246">
        <v>1113.3</v>
      </c>
      <c r="K246">
        <v>774</v>
      </c>
      <c r="U246">
        <v>244</v>
      </c>
      <c r="V246">
        <v>1387.7</v>
      </c>
      <c r="W246">
        <v>176</v>
      </c>
      <c r="AO246">
        <v>244</v>
      </c>
      <c r="AP246">
        <v>1115.5999999999999</v>
      </c>
      <c r="AQ246">
        <v>756</v>
      </c>
      <c r="AS246">
        <v>244</v>
      </c>
      <c r="AT246">
        <v>1448.4</v>
      </c>
      <c r="AU246">
        <v>489</v>
      </c>
      <c r="BA246">
        <v>244</v>
      </c>
      <c r="BB246">
        <v>1127.4000000000001</v>
      </c>
      <c r="BC246">
        <v>556</v>
      </c>
      <c r="BE246">
        <v>244</v>
      </c>
      <c r="BF246">
        <v>1007.5</v>
      </c>
      <c r="BG246">
        <v>282</v>
      </c>
    </row>
    <row r="247" spans="9:59" x14ac:dyDescent="0.25">
      <c r="I247">
        <v>245</v>
      </c>
      <c r="J247">
        <v>1113.5999999999999</v>
      </c>
      <c r="K247">
        <v>690</v>
      </c>
      <c r="U247">
        <v>245</v>
      </c>
      <c r="V247">
        <v>1390.4</v>
      </c>
      <c r="W247">
        <v>181</v>
      </c>
      <c r="AO247">
        <v>245</v>
      </c>
      <c r="AP247">
        <v>1155.5</v>
      </c>
      <c r="AQ247">
        <v>1530</v>
      </c>
      <c r="AS247">
        <v>245</v>
      </c>
      <c r="AT247">
        <v>1461.5</v>
      </c>
      <c r="AU247">
        <v>639</v>
      </c>
      <c r="BA247">
        <v>245</v>
      </c>
      <c r="BB247">
        <v>1137.4000000000001</v>
      </c>
      <c r="BC247">
        <v>426</v>
      </c>
      <c r="BE247">
        <v>245</v>
      </c>
      <c r="BF247">
        <v>1008.4</v>
      </c>
      <c r="BG247">
        <v>204</v>
      </c>
    </row>
    <row r="248" spans="9:59" x14ac:dyDescent="0.25">
      <c r="I248">
        <v>246</v>
      </c>
      <c r="J248">
        <v>1114.3</v>
      </c>
      <c r="K248">
        <v>401</v>
      </c>
      <c r="U248">
        <v>246</v>
      </c>
      <c r="V248">
        <v>1404.6</v>
      </c>
      <c r="W248">
        <v>124</v>
      </c>
      <c r="AO248">
        <v>246</v>
      </c>
      <c r="AP248">
        <v>1156.3</v>
      </c>
      <c r="AQ248">
        <v>1310</v>
      </c>
      <c r="AS248">
        <v>246</v>
      </c>
      <c r="AT248">
        <v>1461.7</v>
      </c>
      <c r="AU248">
        <v>603</v>
      </c>
      <c r="BA248">
        <v>246</v>
      </c>
      <c r="BB248">
        <v>1138.3</v>
      </c>
      <c r="BC248">
        <v>486</v>
      </c>
      <c r="BE248">
        <v>246</v>
      </c>
      <c r="BF248">
        <v>1008.9</v>
      </c>
      <c r="BG248">
        <v>2458</v>
      </c>
    </row>
    <row r="249" spans="9:59" x14ac:dyDescent="0.25">
      <c r="I249">
        <v>247</v>
      </c>
      <c r="J249">
        <v>1114.5</v>
      </c>
      <c r="K249">
        <v>676</v>
      </c>
      <c r="U249">
        <v>247</v>
      </c>
      <c r="V249">
        <v>1405.4</v>
      </c>
      <c r="W249">
        <v>408</v>
      </c>
      <c r="AO249">
        <v>247</v>
      </c>
      <c r="AP249">
        <v>1198.5999999999999</v>
      </c>
      <c r="AQ249">
        <v>1683</v>
      </c>
      <c r="AS249">
        <v>247</v>
      </c>
      <c r="AT249">
        <v>1462.7</v>
      </c>
      <c r="AU249">
        <v>641</v>
      </c>
      <c r="BA249">
        <v>247</v>
      </c>
      <c r="BB249">
        <v>1139.5</v>
      </c>
      <c r="BC249">
        <v>760</v>
      </c>
      <c r="BE249">
        <v>247</v>
      </c>
      <c r="BF249">
        <v>1009.4</v>
      </c>
      <c r="BG249">
        <v>1505</v>
      </c>
    </row>
    <row r="250" spans="9:59" x14ac:dyDescent="0.25">
      <c r="I250">
        <v>248</v>
      </c>
      <c r="J250">
        <v>1115.4000000000001</v>
      </c>
      <c r="K250">
        <v>263</v>
      </c>
      <c r="U250">
        <v>248</v>
      </c>
      <c r="V250">
        <v>1406.6</v>
      </c>
      <c r="W250">
        <v>174</v>
      </c>
      <c r="AO250">
        <v>248</v>
      </c>
      <c r="AP250">
        <v>1199.5</v>
      </c>
      <c r="AQ250">
        <v>1095</v>
      </c>
      <c r="AS250">
        <v>248</v>
      </c>
      <c r="AT250">
        <v>1463.6</v>
      </c>
      <c r="AU250">
        <v>231</v>
      </c>
      <c r="BA250">
        <v>248</v>
      </c>
      <c r="BB250">
        <v>1156.4000000000001</v>
      </c>
      <c r="BC250">
        <v>322</v>
      </c>
      <c r="BE250">
        <v>248</v>
      </c>
      <c r="BF250">
        <v>1009.8</v>
      </c>
      <c r="BG250">
        <v>873</v>
      </c>
    </row>
    <row r="251" spans="9:59" x14ac:dyDescent="0.25">
      <c r="I251">
        <v>249</v>
      </c>
      <c r="J251">
        <v>1116.3</v>
      </c>
      <c r="K251">
        <v>248</v>
      </c>
      <c r="U251">
        <v>249</v>
      </c>
      <c r="V251">
        <v>1421.7</v>
      </c>
      <c r="W251">
        <v>101</v>
      </c>
      <c r="AO251">
        <v>249</v>
      </c>
      <c r="AP251">
        <v>1200.0999999999999</v>
      </c>
      <c r="AQ251">
        <v>513</v>
      </c>
      <c r="AS251">
        <v>249</v>
      </c>
      <c r="AT251">
        <v>1480.5</v>
      </c>
      <c r="AU251">
        <v>107</v>
      </c>
      <c r="BA251">
        <v>249</v>
      </c>
      <c r="BB251">
        <v>1173.5</v>
      </c>
      <c r="BC251">
        <v>389</v>
      </c>
      <c r="BE251">
        <v>249</v>
      </c>
      <c r="BF251">
        <v>1011</v>
      </c>
      <c r="BG251">
        <v>221</v>
      </c>
    </row>
    <row r="252" spans="9:59" x14ac:dyDescent="0.25">
      <c r="I252">
        <v>250</v>
      </c>
      <c r="J252">
        <v>1119.3</v>
      </c>
      <c r="K252">
        <v>195</v>
      </c>
      <c r="U252">
        <v>250</v>
      </c>
      <c r="V252">
        <v>1442.7</v>
      </c>
      <c r="W252">
        <v>160</v>
      </c>
      <c r="AO252">
        <v>250</v>
      </c>
      <c r="AP252">
        <v>1200.5</v>
      </c>
      <c r="AQ252">
        <v>1019</v>
      </c>
      <c r="BA252">
        <v>250</v>
      </c>
      <c r="BB252">
        <v>1197.3</v>
      </c>
      <c r="BC252">
        <v>1308</v>
      </c>
      <c r="BE252">
        <v>250</v>
      </c>
      <c r="BF252">
        <v>1017.9</v>
      </c>
      <c r="BG252">
        <v>3955</v>
      </c>
    </row>
    <row r="253" spans="9:59" x14ac:dyDescent="0.25">
      <c r="I253">
        <v>251</v>
      </c>
      <c r="J253">
        <v>1120.4000000000001</v>
      </c>
      <c r="K253">
        <v>145</v>
      </c>
      <c r="U253">
        <v>251</v>
      </c>
      <c r="V253">
        <v>1461.7</v>
      </c>
      <c r="W253">
        <v>244</v>
      </c>
      <c r="AO253">
        <v>251</v>
      </c>
      <c r="AP253">
        <v>1216.4000000000001</v>
      </c>
      <c r="AQ253">
        <v>162</v>
      </c>
      <c r="BA253">
        <v>251</v>
      </c>
      <c r="BB253">
        <v>1200.3</v>
      </c>
      <c r="BC253">
        <v>209</v>
      </c>
      <c r="BE253">
        <v>251</v>
      </c>
      <c r="BF253">
        <v>1018.3</v>
      </c>
      <c r="BG253">
        <v>3230</v>
      </c>
    </row>
    <row r="254" spans="9:59" x14ac:dyDescent="0.25">
      <c r="I254">
        <v>252</v>
      </c>
      <c r="J254">
        <v>1136.3</v>
      </c>
      <c r="K254">
        <v>230</v>
      </c>
      <c r="U254">
        <v>252</v>
      </c>
      <c r="V254">
        <v>1462.3</v>
      </c>
      <c r="W254">
        <v>107</v>
      </c>
      <c r="AO254">
        <v>252</v>
      </c>
      <c r="AP254">
        <v>1217.4000000000001</v>
      </c>
      <c r="AQ254">
        <v>3545</v>
      </c>
      <c r="BA254">
        <v>252</v>
      </c>
      <c r="BB254">
        <v>1200.7</v>
      </c>
      <c r="BC254">
        <v>503</v>
      </c>
      <c r="BE254">
        <v>252</v>
      </c>
      <c r="BF254">
        <v>1018.9</v>
      </c>
      <c r="BG254">
        <v>1588</v>
      </c>
    </row>
    <row r="255" spans="9:59" x14ac:dyDescent="0.25">
      <c r="I255">
        <v>253</v>
      </c>
      <c r="J255">
        <v>1139.5</v>
      </c>
      <c r="K255">
        <v>316</v>
      </c>
      <c r="U255">
        <v>253</v>
      </c>
      <c r="V255">
        <v>1463.6</v>
      </c>
      <c r="W255">
        <v>157</v>
      </c>
      <c r="AO255">
        <v>253</v>
      </c>
      <c r="AP255">
        <v>1218.5</v>
      </c>
      <c r="AQ255">
        <v>412</v>
      </c>
      <c r="BA255">
        <v>253</v>
      </c>
      <c r="BB255">
        <v>1203.7</v>
      </c>
      <c r="BC255">
        <v>323</v>
      </c>
      <c r="BE255">
        <v>253</v>
      </c>
      <c r="BF255">
        <v>1019.4</v>
      </c>
      <c r="BG255">
        <v>996</v>
      </c>
    </row>
    <row r="256" spans="9:59" x14ac:dyDescent="0.25">
      <c r="I256">
        <v>254</v>
      </c>
      <c r="J256">
        <v>1152.5999999999999</v>
      </c>
      <c r="K256">
        <v>189</v>
      </c>
      <c r="U256">
        <v>254</v>
      </c>
      <c r="V256">
        <v>1464.4</v>
      </c>
      <c r="W256">
        <v>268</v>
      </c>
      <c r="AO256">
        <v>254</v>
      </c>
      <c r="AP256">
        <v>1221.3</v>
      </c>
      <c r="AQ256">
        <v>171</v>
      </c>
      <c r="BA256">
        <v>254</v>
      </c>
      <c r="BB256">
        <v>1215.5</v>
      </c>
      <c r="BC256">
        <v>257</v>
      </c>
      <c r="BE256">
        <v>254</v>
      </c>
      <c r="BF256">
        <v>1019.8</v>
      </c>
      <c r="BG256">
        <v>670</v>
      </c>
    </row>
    <row r="257" spans="9:59" x14ac:dyDescent="0.25">
      <c r="I257">
        <v>255</v>
      </c>
      <c r="J257">
        <v>1154.5</v>
      </c>
      <c r="K257">
        <v>387</v>
      </c>
      <c r="U257">
        <v>255</v>
      </c>
      <c r="V257">
        <v>1465.4</v>
      </c>
      <c r="W257">
        <v>221</v>
      </c>
      <c r="AO257">
        <v>255</v>
      </c>
      <c r="AP257">
        <v>1240.5999999999999</v>
      </c>
      <c r="AQ257">
        <v>349</v>
      </c>
      <c r="BA257">
        <v>255</v>
      </c>
      <c r="BB257">
        <v>1216.4000000000001</v>
      </c>
      <c r="BC257">
        <v>494</v>
      </c>
      <c r="BE257">
        <v>255</v>
      </c>
      <c r="BF257">
        <v>1021.7</v>
      </c>
      <c r="BG257">
        <v>211</v>
      </c>
    </row>
    <row r="258" spans="9:59" x14ac:dyDescent="0.25">
      <c r="I258">
        <v>256</v>
      </c>
      <c r="J258">
        <v>1156.5</v>
      </c>
      <c r="K258">
        <v>108</v>
      </c>
      <c r="U258">
        <v>256</v>
      </c>
      <c r="V258">
        <v>1479.5</v>
      </c>
      <c r="W258">
        <v>125</v>
      </c>
      <c r="AO258">
        <v>256</v>
      </c>
      <c r="AP258">
        <v>1242.5</v>
      </c>
      <c r="AQ258">
        <v>718</v>
      </c>
      <c r="BA258">
        <v>256</v>
      </c>
      <c r="BB258">
        <v>1218.5999999999999</v>
      </c>
      <c r="BC258">
        <v>483</v>
      </c>
      <c r="BE258">
        <v>256</v>
      </c>
      <c r="BF258">
        <v>1022.3</v>
      </c>
      <c r="BG258">
        <v>161</v>
      </c>
    </row>
    <row r="259" spans="9:59" x14ac:dyDescent="0.25">
      <c r="I259">
        <v>257</v>
      </c>
      <c r="J259">
        <v>1157.5</v>
      </c>
      <c r="K259">
        <v>172</v>
      </c>
      <c r="U259">
        <v>257</v>
      </c>
      <c r="V259">
        <v>1481.1</v>
      </c>
      <c r="W259">
        <v>141</v>
      </c>
      <c r="AO259">
        <v>257</v>
      </c>
      <c r="AP259">
        <v>1243.5</v>
      </c>
      <c r="AQ259">
        <v>181</v>
      </c>
      <c r="BA259">
        <v>257</v>
      </c>
      <c r="BB259">
        <v>1219.5</v>
      </c>
      <c r="BC259">
        <v>538</v>
      </c>
      <c r="BE259">
        <v>257</v>
      </c>
      <c r="BF259">
        <v>1024.3</v>
      </c>
      <c r="BG259">
        <v>372</v>
      </c>
    </row>
    <row r="260" spans="9:59" x14ac:dyDescent="0.25">
      <c r="I260">
        <v>258</v>
      </c>
      <c r="J260">
        <v>1168.5</v>
      </c>
      <c r="K260">
        <v>134</v>
      </c>
      <c r="U260">
        <v>258</v>
      </c>
      <c r="V260">
        <v>1488.5</v>
      </c>
      <c r="W260">
        <v>188</v>
      </c>
      <c r="AO260">
        <v>258</v>
      </c>
      <c r="AP260">
        <v>1256.4000000000001</v>
      </c>
      <c r="AQ260">
        <v>4944</v>
      </c>
      <c r="BA260">
        <v>258</v>
      </c>
      <c r="BB260">
        <v>1220.2</v>
      </c>
      <c r="BC260">
        <v>105</v>
      </c>
      <c r="BE260">
        <v>258</v>
      </c>
      <c r="BF260">
        <v>1028.5</v>
      </c>
      <c r="BG260">
        <v>448</v>
      </c>
    </row>
    <row r="261" spans="9:59" x14ac:dyDescent="0.25">
      <c r="I261">
        <v>259</v>
      </c>
      <c r="J261">
        <v>1179.0999999999999</v>
      </c>
      <c r="K261">
        <v>190</v>
      </c>
      <c r="U261">
        <v>259</v>
      </c>
      <c r="V261">
        <v>1489.6</v>
      </c>
      <c r="W261">
        <v>236</v>
      </c>
      <c r="AO261">
        <v>259</v>
      </c>
      <c r="AP261">
        <v>1257.4000000000001</v>
      </c>
      <c r="AQ261">
        <v>726</v>
      </c>
      <c r="BA261">
        <v>259</v>
      </c>
      <c r="BB261">
        <v>1222.0999999999999</v>
      </c>
      <c r="BC261">
        <v>1082</v>
      </c>
      <c r="BE261">
        <v>259</v>
      </c>
      <c r="BF261">
        <v>1028.9000000000001</v>
      </c>
      <c r="BG261">
        <v>591</v>
      </c>
    </row>
    <row r="262" spans="9:59" x14ac:dyDescent="0.25">
      <c r="I262">
        <v>260</v>
      </c>
      <c r="J262">
        <v>1184.5</v>
      </c>
      <c r="K262">
        <v>114</v>
      </c>
      <c r="U262">
        <v>260</v>
      </c>
      <c r="V262">
        <v>1506.4</v>
      </c>
      <c r="W262">
        <v>551</v>
      </c>
      <c r="AO262">
        <v>260</v>
      </c>
      <c r="AP262">
        <v>1257.7</v>
      </c>
      <c r="AQ262">
        <v>200</v>
      </c>
      <c r="BA262">
        <v>260</v>
      </c>
      <c r="BB262">
        <v>1233.7</v>
      </c>
      <c r="BC262">
        <v>629</v>
      </c>
      <c r="BE262">
        <v>260</v>
      </c>
      <c r="BF262">
        <v>1029.3</v>
      </c>
      <c r="BG262">
        <v>238</v>
      </c>
    </row>
    <row r="263" spans="9:59" x14ac:dyDescent="0.25">
      <c r="I263">
        <v>261</v>
      </c>
      <c r="J263">
        <v>1196.3</v>
      </c>
      <c r="K263">
        <v>119</v>
      </c>
      <c r="U263">
        <v>261</v>
      </c>
      <c r="V263">
        <v>1509.6</v>
      </c>
      <c r="W263">
        <v>106</v>
      </c>
      <c r="AO263">
        <v>261</v>
      </c>
      <c r="AP263">
        <v>1258.4000000000001</v>
      </c>
      <c r="AQ263">
        <v>2938</v>
      </c>
      <c r="BA263">
        <v>261</v>
      </c>
      <c r="BB263">
        <v>1234.5</v>
      </c>
      <c r="BC263">
        <v>299</v>
      </c>
      <c r="BE263">
        <v>261</v>
      </c>
      <c r="BF263">
        <v>1029.8</v>
      </c>
      <c r="BG263">
        <v>1428</v>
      </c>
    </row>
    <row r="264" spans="9:59" x14ac:dyDescent="0.25">
      <c r="I264">
        <v>262</v>
      </c>
      <c r="J264">
        <v>1198.2</v>
      </c>
      <c r="K264">
        <v>553</v>
      </c>
      <c r="U264">
        <v>262</v>
      </c>
      <c r="V264">
        <v>1515.5</v>
      </c>
      <c r="W264">
        <v>127</v>
      </c>
      <c r="AO264">
        <v>262</v>
      </c>
      <c r="AP264">
        <v>1258.5999999999999</v>
      </c>
      <c r="AQ264">
        <v>2921</v>
      </c>
      <c r="BA264">
        <v>262</v>
      </c>
      <c r="BB264">
        <v>1238.4000000000001</v>
      </c>
      <c r="BC264">
        <v>1951</v>
      </c>
      <c r="BE264">
        <v>262</v>
      </c>
      <c r="BF264">
        <v>1030.4000000000001</v>
      </c>
      <c r="BG264">
        <v>1168</v>
      </c>
    </row>
    <row r="265" spans="9:59" x14ac:dyDescent="0.25">
      <c r="I265">
        <v>263</v>
      </c>
      <c r="J265">
        <v>1206.5999999999999</v>
      </c>
      <c r="K265">
        <v>355</v>
      </c>
      <c r="U265">
        <v>263</v>
      </c>
      <c r="V265">
        <v>1524.4</v>
      </c>
      <c r="W265">
        <v>147</v>
      </c>
      <c r="AO265">
        <v>263</v>
      </c>
      <c r="AP265">
        <v>1259.3</v>
      </c>
      <c r="AQ265">
        <v>889</v>
      </c>
      <c r="BA265">
        <v>263</v>
      </c>
      <c r="BB265">
        <v>1239.8</v>
      </c>
      <c r="BC265">
        <v>532</v>
      </c>
      <c r="BE265">
        <v>263</v>
      </c>
      <c r="BF265">
        <v>1030.8</v>
      </c>
      <c r="BG265">
        <v>780</v>
      </c>
    </row>
    <row r="266" spans="9:59" x14ac:dyDescent="0.25">
      <c r="I266">
        <v>264</v>
      </c>
      <c r="J266">
        <v>1215.5</v>
      </c>
      <c r="K266">
        <v>186</v>
      </c>
      <c r="U266">
        <v>264</v>
      </c>
      <c r="V266">
        <v>1530.4</v>
      </c>
      <c r="W266">
        <v>415</v>
      </c>
      <c r="AO266">
        <v>264</v>
      </c>
      <c r="AP266">
        <v>1259.5999999999999</v>
      </c>
      <c r="AQ266">
        <v>1006</v>
      </c>
      <c r="BA266">
        <v>264</v>
      </c>
      <c r="BB266">
        <v>1242.5</v>
      </c>
      <c r="BC266">
        <v>702</v>
      </c>
      <c r="BE266">
        <v>264</v>
      </c>
      <c r="BF266">
        <v>1031.3</v>
      </c>
      <c r="BG266">
        <v>231</v>
      </c>
    </row>
    <row r="267" spans="9:59" x14ac:dyDescent="0.25">
      <c r="I267">
        <v>265</v>
      </c>
      <c r="J267">
        <v>1218.5</v>
      </c>
      <c r="K267">
        <v>280</v>
      </c>
      <c r="U267">
        <v>265</v>
      </c>
      <c r="V267">
        <v>1531.7</v>
      </c>
      <c r="W267">
        <v>260</v>
      </c>
      <c r="AO267">
        <v>265</v>
      </c>
      <c r="AP267">
        <v>1260.2</v>
      </c>
      <c r="AQ267">
        <v>970</v>
      </c>
      <c r="BA267">
        <v>265</v>
      </c>
      <c r="BB267">
        <v>1242.7</v>
      </c>
      <c r="BC267">
        <v>643</v>
      </c>
      <c r="BE267">
        <v>265</v>
      </c>
      <c r="BF267">
        <v>1038</v>
      </c>
      <c r="BG267">
        <v>622</v>
      </c>
    </row>
    <row r="268" spans="9:59" x14ac:dyDescent="0.25">
      <c r="I268">
        <v>266</v>
      </c>
      <c r="J268">
        <v>1219.4000000000001</v>
      </c>
      <c r="K268">
        <v>101</v>
      </c>
      <c r="U268">
        <v>266</v>
      </c>
      <c r="V268">
        <v>1547.4</v>
      </c>
      <c r="W268">
        <v>336</v>
      </c>
      <c r="AO268">
        <v>266</v>
      </c>
      <c r="AP268">
        <v>1260.5</v>
      </c>
      <c r="AQ268">
        <v>2332</v>
      </c>
      <c r="BA268">
        <v>266</v>
      </c>
      <c r="BB268">
        <v>1244.3</v>
      </c>
      <c r="BC268">
        <v>396</v>
      </c>
      <c r="BE268">
        <v>266</v>
      </c>
      <c r="BF268">
        <v>1054.4000000000001</v>
      </c>
      <c r="BG268">
        <v>399</v>
      </c>
    </row>
    <row r="269" spans="9:59" x14ac:dyDescent="0.25">
      <c r="I269">
        <v>267</v>
      </c>
      <c r="J269">
        <v>1220.5999999999999</v>
      </c>
      <c r="K269">
        <v>154</v>
      </c>
      <c r="U269">
        <v>267</v>
      </c>
      <c r="V269">
        <v>1548</v>
      </c>
      <c r="W269">
        <v>207</v>
      </c>
      <c r="AO269">
        <v>267</v>
      </c>
      <c r="AP269">
        <v>1261.5999999999999</v>
      </c>
      <c r="AQ269">
        <v>3083</v>
      </c>
      <c r="BA269">
        <v>267</v>
      </c>
      <c r="BB269">
        <v>1256.5999999999999</v>
      </c>
      <c r="BC269">
        <v>568</v>
      </c>
      <c r="BE269">
        <v>267</v>
      </c>
      <c r="BF269">
        <v>1055.4000000000001</v>
      </c>
      <c r="BG269">
        <v>400</v>
      </c>
    </row>
    <row r="270" spans="9:59" x14ac:dyDescent="0.25">
      <c r="I270">
        <v>268</v>
      </c>
      <c r="J270">
        <v>1222.4000000000001</v>
      </c>
      <c r="K270">
        <v>172</v>
      </c>
      <c r="U270">
        <v>268</v>
      </c>
      <c r="V270">
        <v>1548.5</v>
      </c>
      <c r="W270">
        <v>475</v>
      </c>
      <c r="AO270">
        <v>268</v>
      </c>
      <c r="AP270">
        <v>1281.3</v>
      </c>
      <c r="AQ270">
        <v>1587</v>
      </c>
      <c r="BA270">
        <v>268</v>
      </c>
      <c r="BB270">
        <v>1258.4000000000001</v>
      </c>
      <c r="BC270">
        <v>1268</v>
      </c>
      <c r="BE270">
        <v>268</v>
      </c>
      <c r="BF270">
        <v>1056.0999999999999</v>
      </c>
      <c r="BG270">
        <v>243</v>
      </c>
    </row>
    <row r="271" spans="9:59" x14ac:dyDescent="0.25">
      <c r="I271">
        <v>269</v>
      </c>
      <c r="J271">
        <v>1224.2</v>
      </c>
      <c r="K271">
        <v>484</v>
      </c>
      <c r="U271">
        <v>269</v>
      </c>
      <c r="V271">
        <v>1548.8</v>
      </c>
      <c r="W271">
        <v>335</v>
      </c>
      <c r="AO271">
        <v>269</v>
      </c>
      <c r="AP271">
        <v>1281.5999999999999</v>
      </c>
      <c r="AQ271">
        <v>1289</v>
      </c>
      <c r="BA271">
        <v>269</v>
      </c>
      <c r="BB271">
        <v>1259.3</v>
      </c>
      <c r="BC271">
        <v>1096</v>
      </c>
      <c r="BE271">
        <v>269</v>
      </c>
      <c r="BF271">
        <v>1091.5</v>
      </c>
      <c r="BG271">
        <v>262</v>
      </c>
    </row>
    <row r="272" spans="9:59" x14ac:dyDescent="0.25">
      <c r="I272">
        <v>270</v>
      </c>
      <c r="J272">
        <v>1224.5</v>
      </c>
      <c r="K272">
        <v>644</v>
      </c>
      <c r="U272">
        <v>270</v>
      </c>
      <c r="V272">
        <v>1549.6</v>
      </c>
      <c r="W272">
        <v>897</v>
      </c>
      <c r="AO272">
        <v>270</v>
      </c>
      <c r="AP272">
        <v>1282.2</v>
      </c>
      <c r="AQ272">
        <v>1282</v>
      </c>
      <c r="BA272">
        <v>270</v>
      </c>
      <c r="BB272">
        <v>1259.7</v>
      </c>
      <c r="BC272">
        <v>578</v>
      </c>
      <c r="BE272">
        <v>270</v>
      </c>
      <c r="BF272">
        <v>1095.4000000000001</v>
      </c>
      <c r="BG272">
        <v>642</v>
      </c>
    </row>
    <row r="273" spans="9:59" x14ac:dyDescent="0.25">
      <c r="I273">
        <v>271</v>
      </c>
      <c r="J273">
        <v>1226.5999999999999</v>
      </c>
      <c r="K273">
        <v>513</v>
      </c>
      <c r="U273">
        <v>271</v>
      </c>
      <c r="V273">
        <v>1550.6</v>
      </c>
      <c r="W273">
        <v>378</v>
      </c>
      <c r="AO273">
        <v>271</v>
      </c>
      <c r="AP273">
        <v>1282.5999999999999</v>
      </c>
      <c r="AQ273">
        <v>1436</v>
      </c>
      <c r="BA273">
        <v>271</v>
      </c>
      <c r="BB273">
        <v>1260.5</v>
      </c>
      <c r="BC273">
        <v>1827</v>
      </c>
      <c r="BE273">
        <v>271</v>
      </c>
      <c r="BF273">
        <v>1099.5</v>
      </c>
      <c r="BG273">
        <v>317</v>
      </c>
    </row>
    <row r="274" spans="9:59" x14ac:dyDescent="0.25">
      <c r="I274">
        <v>272</v>
      </c>
      <c r="J274">
        <v>1239.3</v>
      </c>
      <c r="K274">
        <v>156</v>
      </c>
      <c r="U274">
        <v>272</v>
      </c>
      <c r="V274">
        <v>1561.6</v>
      </c>
      <c r="W274">
        <v>244</v>
      </c>
      <c r="AO274">
        <v>272</v>
      </c>
      <c r="AP274">
        <v>1283.4000000000001</v>
      </c>
      <c r="AQ274">
        <v>426</v>
      </c>
      <c r="BA274">
        <v>272</v>
      </c>
      <c r="BB274">
        <v>1261.5999999999999</v>
      </c>
      <c r="BC274">
        <v>983</v>
      </c>
      <c r="BE274">
        <v>272</v>
      </c>
      <c r="BF274">
        <v>1141.3</v>
      </c>
      <c r="BG274">
        <v>194</v>
      </c>
    </row>
    <row r="275" spans="9:59" x14ac:dyDescent="0.25">
      <c r="I275">
        <v>273</v>
      </c>
      <c r="J275">
        <v>1240.4000000000001</v>
      </c>
      <c r="K275">
        <v>288</v>
      </c>
      <c r="U275">
        <v>273</v>
      </c>
      <c r="V275">
        <v>1565.3</v>
      </c>
      <c r="W275">
        <v>414</v>
      </c>
      <c r="AO275">
        <v>273</v>
      </c>
      <c r="AP275">
        <v>1299.5</v>
      </c>
      <c r="AQ275">
        <v>184</v>
      </c>
      <c r="BA275">
        <v>273</v>
      </c>
      <c r="BB275">
        <v>1262.4000000000001</v>
      </c>
      <c r="BC275">
        <v>1225</v>
      </c>
      <c r="BE275">
        <v>273</v>
      </c>
      <c r="BF275">
        <v>1142.7</v>
      </c>
      <c r="BG275">
        <v>177</v>
      </c>
    </row>
    <row r="276" spans="9:59" x14ac:dyDescent="0.25">
      <c r="I276">
        <v>274</v>
      </c>
      <c r="J276">
        <v>1242.5</v>
      </c>
      <c r="K276">
        <v>371</v>
      </c>
      <c r="U276">
        <v>274</v>
      </c>
      <c r="V276">
        <v>1565.6</v>
      </c>
      <c r="W276">
        <v>300</v>
      </c>
      <c r="AO276">
        <v>274</v>
      </c>
      <c r="AP276">
        <v>1362.5</v>
      </c>
      <c r="AQ276">
        <v>920</v>
      </c>
      <c r="BA276">
        <v>274</v>
      </c>
      <c r="BB276">
        <v>1263.5</v>
      </c>
      <c r="BC276">
        <v>241</v>
      </c>
      <c r="BE276">
        <v>274</v>
      </c>
      <c r="BF276">
        <v>1154.3</v>
      </c>
      <c r="BG276">
        <v>1155</v>
      </c>
    </row>
    <row r="277" spans="9:59" x14ac:dyDescent="0.25">
      <c r="I277">
        <v>275</v>
      </c>
      <c r="J277">
        <v>1242.7</v>
      </c>
      <c r="K277">
        <v>122</v>
      </c>
      <c r="U277">
        <v>275</v>
      </c>
      <c r="V277">
        <v>1568.6</v>
      </c>
      <c r="W277">
        <v>248</v>
      </c>
      <c r="AO277">
        <v>275</v>
      </c>
      <c r="AP277">
        <v>1380.5</v>
      </c>
      <c r="AQ277">
        <v>1530</v>
      </c>
      <c r="BA277">
        <v>275</v>
      </c>
      <c r="BB277">
        <v>1264.4000000000001</v>
      </c>
      <c r="BC277">
        <v>271</v>
      </c>
      <c r="BE277">
        <v>275</v>
      </c>
      <c r="BF277">
        <v>1159.5</v>
      </c>
      <c r="BG277">
        <v>732</v>
      </c>
    </row>
    <row r="278" spans="9:59" x14ac:dyDescent="0.25">
      <c r="I278">
        <v>276</v>
      </c>
      <c r="J278">
        <v>1243.5</v>
      </c>
      <c r="K278">
        <v>166</v>
      </c>
      <c r="U278">
        <v>276</v>
      </c>
      <c r="V278">
        <v>1569.5</v>
      </c>
      <c r="W278">
        <v>231</v>
      </c>
      <c r="AO278">
        <v>276</v>
      </c>
      <c r="AP278">
        <v>1385.5</v>
      </c>
      <c r="AQ278">
        <v>815</v>
      </c>
      <c r="BA278">
        <v>276</v>
      </c>
      <c r="BB278">
        <v>1275.4000000000001</v>
      </c>
      <c r="BC278">
        <v>8967</v>
      </c>
      <c r="BE278">
        <v>276</v>
      </c>
      <c r="BF278">
        <v>1160.3</v>
      </c>
      <c r="BG278">
        <v>360</v>
      </c>
    </row>
    <row r="279" spans="9:59" x14ac:dyDescent="0.25">
      <c r="I279">
        <v>277</v>
      </c>
      <c r="J279">
        <v>1243.5999999999999</v>
      </c>
      <c r="K279">
        <v>168</v>
      </c>
      <c r="U279">
        <v>277</v>
      </c>
      <c r="V279">
        <v>1570.5</v>
      </c>
      <c r="W279">
        <v>122</v>
      </c>
      <c r="AO279">
        <v>277</v>
      </c>
      <c r="AP279">
        <v>1386.7</v>
      </c>
      <c r="AQ279">
        <v>532</v>
      </c>
      <c r="BA279">
        <v>277</v>
      </c>
      <c r="BB279">
        <v>1276.0999999999999</v>
      </c>
      <c r="BC279">
        <v>720</v>
      </c>
      <c r="BE279">
        <v>277</v>
      </c>
      <c r="BF279">
        <v>1161.4000000000001</v>
      </c>
      <c r="BG279">
        <v>169</v>
      </c>
    </row>
    <row r="280" spans="9:59" x14ac:dyDescent="0.25">
      <c r="I280">
        <v>278</v>
      </c>
      <c r="J280">
        <v>1256.4000000000001</v>
      </c>
      <c r="K280">
        <v>638</v>
      </c>
      <c r="U280">
        <v>278</v>
      </c>
      <c r="V280">
        <v>1572.6</v>
      </c>
      <c r="W280">
        <v>316</v>
      </c>
      <c r="AO280">
        <v>278</v>
      </c>
      <c r="AP280">
        <v>1401.5</v>
      </c>
      <c r="AQ280">
        <v>417</v>
      </c>
      <c r="BA280">
        <v>278</v>
      </c>
      <c r="BB280">
        <v>1276.4000000000001</v>
      </c>
      <c r="BC280">
        <v>3254</v>
      </c>
      <c r="BE280">
        <v>278</v>
      </c>
      <c r="BF280">
        <v>1174.2</v>
      </c>
      <c r="BG280">
        <v>152</v>
      </c>
    </row>
    <row r="281" spans="9:59" x14ac:dyDescent="0.25">
      <c r="I281">
        <v>279</v>
      </c>
      <c r="J281">
        <v>1258.2</v>
      </c>
      <c r="K281">
        <v>188</v>
      </c>
      <c r="U281">
        <v>279</v>
      </c>
      <c r="V281">
        <v>1573.6</v>
      </c>
      <c r="W281">
        <v>262</v>
      </c>
      <c r="AO281">
        <v>279</v>
      </c>
      <c r="AP281">
        <v>1402.6</v>
      </c>
      <c r="AQ281">
        <v>201</v>
      </c>
      <c r="BA281">
        <v>279</v>
      </c>
      <c r="BB281">
        <v>1277.5</v>
      </c>
      <c r="BC281">
        <v>681</v>
      </c>
      <c r="BE281">
        <v>279</v>
      </c>
      <c r="BF281">
        <v>1201.4000000000001</v>
      </c>
      <c r="BG281">
        <v>630</v>
      </c>
    </row>
    <row r="282" spans="9:59" x14ac:dyDescent="0.25">
      <c r="I282">
        <v>280</v>
      </c>
      <c r="J282">
        <v>1258.5999999999999</v>
      </c>
      <c r="K282">
        <v>508</v>
      </c>
      <c r="U282">
        <v>280</v>
      </c>
      <c r="V282">
        <v>1585.8</v>
      </c>
      <c r="W282">
        <v>238</v>
      </c>
      <c r="AO282">
        <v>280</v>
      </c>
      <c r="AP282">
        <v>1404.4</v>
      </c>
      <c r="AQ282">
        <v>313</v>
      </c>
      <c r="BA282">
        <v>280</v>
      </c>
      <c r="BB282">
        <v>1278.5</v>
      </c>
      <c r="BC282">
        <v>878</v>
      </c>
      <c r="BE282">
        <v>280</v>
      </c>
      <c r="BF282">
        <v>1201.5</v>
      </c>
      <c r="BG282">
        <v>636</v>
      </c>
    </row>
    <row r="283" spans="9:59" x14ac:dyDescent="0.25">
      <c r="I283">
        <v>281</v>
      </c>
      <c r="J283">
        <v>1259.5</v>
      </c>
      <c r="K283">
        <v>396</v>
      </c>
      <c r="U283">
        <v>281</v>
      </c>
      <c r="V283">
        <v>1589.5</v>
      </c>
      <c r="W283">
        <v>601</v>
      </c>
      <c r="AO283">
        <v>281</v>
      </c>
      <c r="AP283">
        <v>1419.7</v>
      </c>
      <c r="AQ283">
        <v>817</v>
      </c>
      <c r="BA283">
        <v>281</v>
      </c>
      <c r="BB283">
        <v>1279.5</v>
      </c>
      <c r="BC283">
        <v>475</v>
      </c>
      <c r="BE283">
        <v>281</v>
      </c>
      <c r="BF283">
        <v>1202.0999999999999</v>
      </c>
      <c r="BG283">
        <v>133</v>
      </c>
    </row>
    <row r="284" spans="9:59" x14ac:dyDescent="0.25">
      <c r="I284">
        <v>282</v>
      </c>
      <c r="J284">
        <v>1260.2</v>
      </c>
      <c r="K284">
        <v>134</v>
      </c>
      <c r="U284">
        <v>282</v>
      </c>
      <c r="V284">
        <v>1589.7</v>
      </c>
      <c r="W284">
        <v>134</v>
      </c>
      <c r="AO284">
        <v>282</v>
      </c>
      <c r="AP284">
        <v>1422.4</v>
      </c>
      <c r="AQ284">
        <v>1212</v>
      </c>
      <c r="BA284">
        <v>282</v>
      </c>
      <c r="BB284">
        <v>1281.5</v>
      </c>
      <c r="BC284">
        <v>1037</v>
      </c>
      <c r="BE284">
        <v>282</v>
      </c>
      <c r="BF284">
        <v>1202.5</v>
      </c>
      <c r="BG284">
        <v>731</v>
      </c>
    </row>
    <row r="285" spans="9:59" x14ac:dyDescent="0.25">
      <c r="I285">
        <v>283</v>
      </c>
      <c r="J285">
        <v>1260.4000000000001</v>
      </c>
      <c r="K285">
        <v>194</v>
      </c>
      <c r="U285">
        <v>283</v>
      </c>
      <c r="V285">
        <v>1590.5</v>
      </c>
      <c r="W285">
        <v>549</v>
      </c>
      <c r="AO285">
        <v>283</v>
      </c>
      <c r="AP285">
        <v>1422.6</v>
      </c>
      <c r="AQ285">
        <v>2343</v>
      </c>
      <c r="BA285">
        <v>283</v>
      </c>
      <c r="BB285">
        <v>1299.5</v>
      </c>
      <c r="BC285">
        <v>173</v>
      </c>
      <c r="BE285">
        <v>283</v>
      </c>
      <c r="BF285">
        <v>1202.8</v>
      </c>
      <c r="BG285">
        <v>608</v>
      </c>
    </row>
    <row r="286" spans="9:59" x14ac:dyDescent="0.25">
      <c r="I286">
        <v>284</v>
      </c>
      <c r="J286">
        <v>1261.5</v>
      </c>
      <c r="K286">
        <v>266</v>
      </c>
      <c r="U286">
        <v>284</v>
      </c>
      <c r="V286">
        <v>1592.5</v>
      </c>
      <c r="W286">
        <v>310</v>
      </c>
      <c r="AO286">
        <v>284</v>
      </c>
      <c r="AP286">
        <v>1423.5</v>
      </c>
      <c r="AQ286">
        <v>1381</v>
      </c>
      <c r="BA286">
        <v>284</v>
      </c>
      <c r="BB286">
        <v>1300</v>
      </c>
      <c r="BC286">
        <v>158</v>
      </c>
      <c r="BE286">
        <v>284</v>
      </c>
      <c r="BF286">
        <v>1203.5999999999999</v>
      </c>
      <c r="BG286">
        <v>437</v>
      </c>
    </row>
    <row r="287" spans="9:59" x14ac:dyDescent="0.25">
      <c r="I287">
        <v>285</v>
      </c>
      <c r="J287">
        <v>1261.7</v>
      </c>
      <c r="K287">
        <v>191</v>
      </c>
      <c r="U287">
        <v>285</v>
      </c>
      <c r="V287">
        <v>1608.5</v>
      </c>
      <c r="W287">
        <v>116</v>
      </c>
      <c r="AO287">
        <v>285</v>
      </c>
      <c r="AP287">
        <v>1424.6</v>
      </c>
      <c r="AQ287">
        <v>2823</v>
      </c>
      <c r="BA287">
        <v>285</v>
      </c>
      <c r="BB287">
        <v>1301.5</v>
      </c>
      <c r="BC287">
        <v>886</v>
      </c>
      <c r="BE287">
        <v>285</v>
      </c>
      <c r="BF287">
        <v>1204.5</v>
      </c>
      <c r="BG287">
        <v>243</v>
      </c>
    </row>
    <row r="288" spans="9:59" x14ac:dyDescent="0.25">
      <c r="I288">
        <v>286</v>
      </c>
      <c r="J288">
        <v>1262.4000000000001</v>
      </c>
      <c r="K288">
        <v>134</v>
      </c>
      <c r="U288">
        <v>286</v>
      </c>
      <c r="V288">
        <v>1625.7</v>
      </c>
      <c r="W288">
        <v>765</v>
      </c>
      <c r="AO288">
        <v>286</v>
      </c>
      <c r="AP288">
        <v>1425.3</v>
      </c>
      <c r="AQ288">
        <v>147</v>
      </c>
      <c r="BA288">
        <v>286</v>
      </c>
      <c r="BB288">
        <v>1312.5</v>
      </c>
      <c r="BC288">
        <v>346</v>
      </c>
      <c r="BE288">
        <v>286</v>
      </c>
      <c r="BF288">
        <v>1219.5999999999999</v>
      </c>
      <c r="BG288">
        <v>139</v>
      </c>
    </row>
    <row r="289" spans="9:59" x14ac:dyDescent="0.25">
      <c r="I289">
        <v>287</v>
      </c>
      <c r="J289">
        <v>1262.5999999999999</v>
      </c>
      <c r="K289">
        <v>250</v>
      </c>
      <c r="U289">
        <v>287</v>
      </c>
      <c r="V289">
        <v>1626.7</v>
      </c>
      <c r="W289">
        <v>347</v>
      </c>
      <c r="AO289">
        <v>287</v>
      </c>
      <c r="AP289">
        <v>1445.5</v>
      </c>
      <c r="AQ289">
        <v>637</v>
      </c>
      <c r="BA289">
        <v>287</v>
      </c>
      <c r="BB289">
        <v>1313.5</v>
      </c>
      <c r="BC289">
        <v>448</v>
      </c>
      <c r="BE289">
        <v>287</v>
      </c>
      <c r="BF289">
        <v>1241.3</v>
      </c>
      <c r="BG289">
        <v>239</v>
      </c>
    </row>
    <row r="290" spans="9:59" x14ac:dyDescent="0.25">
      <c r="I290">
        <v>288</v>
      </c>
      <c r="J290">
        <v>1274.2</v>
      </c>
      <c r="K290">
        <v>133</v>
      </c>
      <c r="U290">
        <v>288</v>
      </c>
      <c r="V290">
        <v>1627.6</v>
      </c>
      <c r="W290">
        <v>143</v>
      </c>
      <c r="AO290">
        <v>288</v>
      </c>
      <c r="AP290">
        <v>1446.6</v>
      </c>
      <c r="AQ290">
        <v>1408</v>
      </c>
      <c r="BA290">
        <v>288</v>
      </c>
      <c r="BB290">
        <v>1317.4</v>
      </c>
      <c r="BC290">
        <v>248</v>
      </c>
      <c r="BE290">
        <v>288</v>
      </c>
      <c r="BF290">
        <v>1243.5</v>
      </c>
      <c r="BG290">
        <v>201</v>
      </c>
    </row>
    <row r="291" spans="9:59" x14ac:dyDescent="0.25">
      <c r="I291">
        <v>289</v>
      </c>
      <c r="J291">
        <v>1280.5</v>
      </c>
      <c r="K291">
        <v>255</v>
      </c>
      <c r="U291">
        <v>289</v>
      </c>
      <c r="V291">
        <v>1650.5</v>
      </c>
      <c r="W291">
        <v>166</v>
      </c>
      <c r="AO291">
        <v>289</v>
      </c>
      <c r="AP291">
        <v>1461.5</v>
      </c>
      <c r="AQ291">
        <v>627</v>
      </c>
      <c r="BA291">
        <v>289</v>
      </c>
      <c r="BB291">
        <v>1318.5</v>
      </c>
      <c r="BC291">
        <v>656</v>
      </c>
      <c r="BE291">
        <v>289</v>
      </c>
      <c r="BF291">
        <v>1243.7</v>
      </c>
      <c r="BG291">
        <v>151</v>
      </c>
    </row>
    <row r="292" spans="9:59" x14ac:dyDescent="0.25">
      <c r="I292">
        <v>290</v>
      </c>
      <c r="J292">
        <v>1281.5999999999999</v>
      </c>
      <c r="K292">
        <v>574</v>
      </c>
      <c r="U292">
        <v>290</v>
      </c>
      <c r="V292">
        <v>1652.4</v>
      </c>
      <c r="W292">
        <v>127</v>
      </c>
      <c r="AO292">
        <v>290</v>
      </c>
      <c r="AP292">
        <v>1462.3</v>
      </c>
      <c r="AQ292">
        <v>566</v>
      </c>
      <c r="BA292">
        <v>290</v>
      </c>
      <c r="BB292">
        <v>1319.4</v>
      </c>
      <c r="BC292">
        <v>858</v>
      </c>
      <c r="BE292">
        <v>290</v>
      </c>
      <c r="BF292">
        <v>1244.4000000000001</v>
      </c>
      <c r="BG292">
        <v>229</v>
      </c>
    </row>
    <row r="293" spans="9:59" x14ac:dyDescent="0.25">
      <c r="I293">
        <v>291</v>
      </c>
      <c r="J293">
        <v>1283.3</v>
      </c>
      <c r="K293">
        <v>190</v>
      </c>
      <c r="U293">
        <v>291</v>
      </c>
      <c r="V293">
        <v>1667.5</v>
      </c>
      <c r="W293">
        <v>119</v>
      </c>
      <c r="AO293">
        <v>291</v>
      </c>
      <c r="AP293">
        <v>1463.6</v>
      </c>
      <c r="AQ293">
        <v>884</v>
      </c>
      <c r="BA293">
        <v>291</v>
      </c>
      <c r="BB293">
        <v>1327.4</v>
      </c>
      <c r="BC293">
        <v>1262</v>
      </c>
      <c r="BE293">
        <v>291</v>
      </c>
      <c r="BF293">
        <v>1246.3</v>
      </c>
      <c r="BG293">
        <v>309</v>
      </c>
    </row>
    <row r="294" spans="9:59" x14ac:dyDescent="0.25">
      <c r="I294">
        <v>292</v>
      </c>
      <c r="J294">
        <v>1283.7</v>
      </c>
      <c r="K294">
        <v>473</v>
      </c>
      <c r="U294">
        <v>292</v>
      </c>
      <c r="V294">
        <v>1675.5</v>
      </c>
      <c r="W294">
        <v>250</v>
      </c>
      <c r="AO294">
        <v>292</v>
      </c>
      <c r="AP294">
        <v>1464.5</v>
      </c>
      <c r="AQ294">
        <v>879</v>
      </c>
      <c r="BA294">
        <v>292</v>
      </c>
      <c r="BB294">
        <v>1341.6</v>
      </c>
      <c r="BC294">
        <v>142</v>
      </c>
      <c r="BE294">
        <v>292</v>
      </c>
      <c r="BF294">
        <v>1252.5</v>
      </c>
      <c r="BG294">
        <v>155</v>
      </c>
    </row>
    <row r="295" spans="9:59" x14ac:dyDescent="0.25">
      <c r="I295">
        <v>293</v>
      </c>
      <c r="J295">
        <v>1284.4000000000001</v>
      </c>
      <c r="K295">
        <v>324</v>
      </c>
      <c r="U295">
        <v>293</v>
      </c>
      <c r="V295">
        <v>1679.6</v>
      </c>
      <c r="W295">
        <v>140</v>
      </c>
      <c r="AO295">
        <v>293</v>
      </c>
      <c r="AP295">
        <v>1567.6</v>
      </c>
      <c r="AQ295">
        <v>516</v>
      </c>
      <c r="BA295">
        <v>293</v>
      </c>
      <c r="BB295">
        <v>1359.5</v>
      </c>
      <c r="BC295">
        <v>918</v>
      </c>
      <c r="BE295">
        <v>293</v>
      </c>
      <c r="BF295">
        <v>1254.5</v>
      </c>
      <c r="BG295">
        <v>265</v>
      </c>
    </row>
    <row r="296" spans="9:59" x14ac:dyDescent="0.25">
      <c r="I296">
        <v>294</v>
      </c>
      <c r="J296">
        <v>1284.5999999999999</v>
      </c>
      <c r="K296">
        <v>240</v>
      </c>
      <c r="U296">
        <v>294</v>
      </c>
      <c r="V296">
        <v>1688.7</v>
      </c>
      <c r="W296">
        <v>377</v>
      </c>
      <c r="BA296">
        <v>294</v>
      </c>
      <c r="BB296">
        <v>1362.8</v>
      </c>
      <c r="BC296">
        <v>333</v>
      </c>
      <c r="BE296">
        <v>294</v>
      </c>
      <c r="BF296">
        <v>1256.4000000000001</v>
      </c>
      <c r="BG296">
        <v>346</v>
      </c>
    </row>
    <row r="297" spans="9:59" x14ac:dyDescent="0.25">
      <c r="I297">
        <v>295</v>
      </c>
      <c r="J297">
        <v>1285.2</v>
      </c>
      <c r="K297">
        <v>227</v>
      </c>
      <c r="U297">
        <v>295</v>
      </c>
      <c r="V297">
        <v>1690.9</v>
      </c>
      <c r="W297">
        <v>139</v>
      </c>
      <c r="BA297">
        <v>295</v>
      </c>
      <c r="BB297">
        <v>1363.6</v>
      </c>
      <c r="BC297">
        <v>200</v>
      </c>
      <c r="BE297">
        <v>295</v>
      </c>
      <c r="BF297">
        <v>1260.3</v>
      </c>
      <c r="BG297">
        <v>266</v>
      </c>
    </row>
    <row r="298" spans="9:59" x14ac:dyDescent="0.25">
      <c r="I298">
        <v>296</v>
      </c>
      <c r="J298">
        <v>1291.3</v>
      </c>
      <c r="K298">
        <v>213</v>
      </c>
      <c r="U298">
        <v>296</v>
      </c>
      <c r="V298">
        <v>1693.5</v>
      </c>
      <c r="W298">
        <v>152</v>
      </c>
      <c r="BA298">
        <v>296</v>
      </c>
      <c r="BB298">
        <v>1364.5</v>
      </c>
      <c r="BC298">
        <v>245</v>
      </c>
      <c r="BE298">
        <v>296</v>
      </c>
      <c r="BF298">
        <v>1260.7</v>
      </c>
      <c r="BG298">
        <v>187</v>
      </c>
    </row>
    <row r="299" spans="9:59" x14ac:dyDescent="0.25">
      <c r="I299">
        <v>297</v>
      </c>
      <c r="J299">
        <v>1298.5999999999999</v>
      </c>
      <c r="K299">
        <v>109</v>
      </c>
      <c r="U299">
        <v>297</v>
      </c>
      <c r="V299">
        <v>1698.9</v>
      </c>
      <c r="W299">
        <v>107</v>
      </c>
      <c r="BA299">
        <v>297</v>
      </c>
      <c r="BB299">
        <v>1366.3</v>
      </c>
      <c r="BC299">
        <v>364</v>
      </c>
      <c r="BE299">
        <v>297</v>
      </c>
      <c r="BF299">
        <v>1262.7</v>
      </c>
      <c r="BG299">
        <v>127</v>
      </c>
    </row>
    <row r="300" spans="9:59" x14ac:dyDescent="0.25">
      <c r="I300">
        <v>298</v>
      </c>
      <c r="J300">
        <v>1299.5</v>
      </c>
      <c r="K300">
        <v>347</v>
      </c>
      <c r="U300">
        <v>298</v>
      </c>
      <c r="V300">
        <v>1709.4</v>
      </c>
      <c r="W300">
        <v>225</v>
      </c>
      <c r="BA300">
        <v>298</v>
      </c>
      <c r="BB300">
        <v>1376.5</v>
      </c>
      <c r="BC300">
        <v>313</v>
      </c>
      <c r="BE300">
        <v>298</v>
      </c>
      <c r="BF300">
        <v>1263.4000000000001</v>
      </c>
      <c r="BG300">
        <v>592</v>
      </c>
    </row>
    <row r="301" spans="9:59" x14ac:dyDescent="0.25">
      <c r="I301">
        <v>299</v>
      </c>
      <c r="J301">
        <v>1301.5999999999999</v>
      </c>
      <c r="K301">
        <v>375</v>
      </c>
      <c r="U301">
        <v>299</v>
      </c>
      <c r="V301">
        <v>1709.6</v>
      </c>
      <c r="W301">
        <v>176</v>
      </c>
      <c r="BA301">
        <v>299</v>
      </c>
      <c r="BB301">
        <v>1377.5</v>
      </c>
      <c r="BC301">
        <v>232</v>
      </c>
      <c r="BE301">
        <v>299</v>
      </c>
      <c r="BF301">
        <v>1276.2</v>
      </c>
      <c r="BG301">
        <v>489</v>
      </c>
    </row>
    <row r="302" spans="9:59" x14ac:dyDescent="0.25">
      <c r="I302">
        <v>300</v>
      </c>
      <c r="J302">
        <v>1302.4000000000001</v>
      </c>
      <c r="K302">
        <v>200</v>
      </c>
      <c r="U302">
        <v>300</v>
      </c>
      <c r="V302">
        <v>1710.3</v>
      </c>
      <c r="W302">
        <v>222</v>
      </c>
      <c r="BA302">
        <v>300</v>
      </c>
      <c r="BB302">
        <v>1380.6</v>
      </c>
      <c r="BC302">
        <v>862</v>
      </c>
      <c r="BE302">
        <v>300</v>
      </c>
      <c r="BF302">
        <v>1276.5999999999999</v>
      </c>
      <c r="BG302">
        <v>114</v>
      </c>
    </row>
    <row r="303" spans="9:59" x14ac:dyDescent="0.25">
      <c r="I303">
        <v>301</v>
      </c>
      <c r="J303">
        <v>1303.7</v>
      </c>
      <c r="K303">
        <v>117</v>
      </c>
      <c r="U303">
        <v>301</v>
      </c>
      <c r="V303">
        <v>1710.6</v>
      </c>
      <c r="W303">
        <v>149</v>
      </c>
      <c r="BA303">
        <v>301</v>
      </c>
      <c r="BB303">
        <v>1381.5</v>
      </c>
      <c r="BC303">
        <v>507</v>
      </c>
      <c r="BE303">
        <v>301</v>
      </c>
      <c r="BF303">
        <v>1284.3</v>
      </c>
      <c r="BG303">
        <v>256</v>
      </c>
    </row>
    <row r="304" spans="9:59" x14ac:dyDescent="0.25">
      <c r="I304">
        <v>302</v>
      </c>
      <c r="J304">
        <v>1313.6</v>
      </c>
      <c r="K304">
        <v>262</v>
      </c>
      <c r="U304">
        <v>302</v>
      </c>
      <c r="V304">
        <v>1711.7</v>
      </c>
      <c r="W304">
        <v>198</v>
      </c>
      <c r="BA304">
        <v>302</v>
      </c>
      <c r="BB304">
        <v>1383.7</v>
      </c>
      <c r="BC304">
        <v>2491</v>
      </c>
      <c r="BE304">
        <v>302</v>
      </c>
      <c r="BF304">
        <v>1286.5</v>
      </c>
      <c r="BG304">
        <v>316</v>
      </c>
    </row>
    <row r="305" spans="9:59" x14ac:dyDescent="0.25">
      <c r="I305">
        <v>303</v>
      </c>
      <c r="J305">
        <v>1316.4</v>
      </c>
      <c r="K305">
        <v>1214</v>
      </c>
      <c r="U305">
        <v>303</v>
      </c>
      <c r="V305">
        <v>1713.5</v>
      </c>
      <c r="W305">
        <v>129</v>
      </c>
      <c r="BA305">
        <v>303</v>
      </c>
      <c r="BB305">
        <v>1385.6</v>
      </c>
      <c r="BC305">
        <v>192</v>
      </c>
      <c r="BE305">
        <v>303</v>
      </c>
      <c r="BF305">
        <v>1297.5</v>
      </c>
      <c r="BG305">
        <v>265</v>
      </c>
    </row>
    <row r="306" spans="9:59" x14ac:dyDescent="0.25">
      <c r="I306">
        <v>304</v>
      </c>
      <c r="J306">
        <v>1317.5</v>
      </c>
      <c r="K306">
        <v>1014</v>
      </c>
      <c r="U306">
        <v>304</v>
      </c>
      <c r="V306">
        <v>1714.5</v>
      </c>
      <c r="W306">
        <v>137</v>
      </c>
      <c r="BA306">
        <v>304</v>
      </c>
      <c r="BB306">
        <v>1397.4</v>
      </c>
      <c r="BC306">
        <v>905</v>
      </c>
      <c r="BE306">
        <v>304</v>
      </c>
      <c r="BF306">
        <v>1312.5</v>
      </c>
      <c r="BG306">
        <v>303</v>
      </c>
    </row>
    <row r="307" spans="9:59" x14ac:dyDescent="0.25">
      <c r="I307">
        <v>305</v>
      </c>
      <c r="J307">
        <v>1318.4</v>
      </c>
      <c r="K307">
        <v>578</v>
      </c>
      <c r="U307">
        <v>305</v>
      </c>
      <c r="V307">
        <v>1714.7</v>
      </c>
      <c r="W307">
        <v>144</v>
      </c>
      <c r="BA307">
        <v>305</v>
      </c>
      <c r="BB307">
        <v>1401.4</v>
      </c>
      <c r="BC307">
        <v>920</v>
      </c>
      <c r="BE307">
        <v>305</v>
      </c>
      <c r="BF307">
        <v>1321.3</v>
      </c>
      <c r="BG307">
        <v>142</v>
      </c>
    </row>
    <row r="308" spans="9:59" x14ac:dyDescent="0.25">
      <c r="I308">
        <v>306</v>
      </c>
      <c r="J308">
        <v>1319.5</v>
      </c>
      <c r="K308">
        <v>296</v>
      </c>
      <c r="U308">
        <v>306</v>
      </c>
      <c r="V308">
        <v>1720.8</v>
      </c>
      <c r="W308">
        <v>133</v>
      </c>
      <c r="BA308">
        <v>306</v>
      </c>
      <c r="BB308">
        <v>1402.7</v>
      </c>
      <c r="BC308">
        <v>247</v>
      </c>
      <c r="BE308">
        <v>306</v>
      </c>
      <c r="BF308">
        <v>1321.6</v>
      </c>
      <c r="BG308">
        <v>261</v>
      </c>
    </row>
    <row r="309" spans="9:59" x14ac:dyDescent="0.25">
      <c r="I309">
        <v>307</v>
      </c>
      <c r="J309">
        <v>1320.4</v>
      </c>
      <c r="K309">
        <v>118</v>
      </c>
      <c r="U309">
        <v>307</v>
      </c>
      <c r="V309">
        <v>1725.3</v>
      </c>
      <c r="W309">
        <v>503</v>
      </c>
      <c r="BA309">
        <v>307</v>
      </c>
      <c r="BB309">
        <v>1403.7</v>
      </c>
      <c r="BC309">
        <v>406</v>
      </c>
      <c r="BE309">
        <v>307</v>
      </c>
      <c r="BF309">
        <v>1323.3</v>
      </c>
      <c r="BG309">
        <v>178</v>
      </c>
    </row>
    <row r="310" spans="9:59" x14ac:dyDescent="0.25">
      <c r="I310">
        <v>308</v>
      </c>
      <c r="J310">
        <v>1330.5</v>
      </c>
      <c r="K310">
        <v>265</v>
      </c>
      <c r="U310">
        <v>308</v>
      </c>
      <c r="V310">
        <v>1727.6</v>
      </c>
      <c r="W310">
        <v>3754</v>
      </c>
      <c r="BA310">
        <v>308</v>
      </c>
      <c r="BB310">
        <v>1404.6</v>
      </c>
      <c r="BC310">
        <v>682</v>
      </c>
      <c r="BE310">
        <v>308</v>
      </c>
      <c r="BF310">
        <v>1326.3</v>
      </c>
      <c r="BG310">
        <v>631</v>
      </c>
    </row>
    <row r="311" spans="9:59" x14ac:dyDescent="0.25">
      <c r="I311">
        <v>309</v>
      </c>
      <c r="J311">
        <v>1361.3</v>
      </c>
      <c r="K311">
        <v>484</v>
      </c>
      <c r="U311">
        <v>309</v>
      </c>
      <c r="V311">
        <v>1728.3</v>
      </c>
      <c r="W311">
        <v>395</v>
      </c>
      <c r="BA311">
        <v>309</v>
      </c>
      <c r="BB311">
        <v>1418.6</v>
      </c>
      <c r="BC311">
        <v>3192</v>
      </c>
      <c r="BE311">
        <v>309</v>
      </c>
      <c r="BF311">
        <v>1327.5</v>
      </c>
      <c r="BG311">
        <v>124</v>
      </c>
    </row>
    <row r="312" spans="9:59" x14ac:dyDescent="0.25">
      <c r="I312">
        <v>310</v>
      </c>
      <c r="J312">
        <v>1363.5</v>
      </c>
      <c r="K312">
        <v>140</v>
      </c>
      <c r="U312">
        <v>310</v>
      </c>
      <c r="V312">
        <v>1728.6</v>
      </c>
      <c r="W312">
        <v>1525</v>
      </c>
      <c r="BA312">
        <v>310</v>
      </c>
      <c r="BB312">
        <v>1419.6</v>
      </c>
      <c r="BC312">
        <v>3354</v>
      </c>
      <c r="BE312">
        <v>310</v>
      </c>
      <c r="BF312">
        <v>1340.5</v>
      </c>
      <c r="BG312">
        <v>126</v>
      </c>
    </row>
    <row r="313" spans="9:59" x14ac:dyDescent="0.25">
      <c r="I313">
        <v>311</v>
      </c>
      <c r="J313">
        <v>1384.6</v>
      </c>
      <c r="K313">
        <v>231</v>
      </c>
      <c r="U313">
        <v>311</v>
      </c>
      <c r="V313">
        <v>1729.1</v>
      </c>
      <c r="W313">
        <v>201</v>
      </c>
      <c r="BA313">
        <v>311</v>
      </c>
      <c r="BB313">
        <v>1420.2</v>
      </c>
      <c r="BC313">
        <v>141</v>
      </c>
      <c r="BE313">
        <v>311</v>
      </c>
      <c r="BF313">
        <v>1344.6</v>
      </c>
      <c r="BG313">
        <v>1812</v>
      </c>
    </row>
    <row r="314" spans="9:59" x14ac:dyDescent="0.25">
      <c r="I314">
        <v>312</v>
      </c>
      <c r="J314">
        <v>1385.5</v>
      </c>
      <c r="K314">
        <v>525</v>
      </c>
      <c r="U314">
        <v>312</v>
      </c>
      <c r="V314">
        <v>1729.7</v>
      </c>
      <c r="W314">
        <v>1281</v>
      </c>
      <c r="BA314">
        <v>312</v>
      </c>
      <c r="BB314">
        <v>1420.5</v>
      </c>
      <c r="BC314">
        <v>715</v>
      </c>
      <c r="BE314">
        <v>312</v>
      </c>
      <c r="BF314">
        <v>1345.4</v>
      </c>
      <c r="BG314">
        <v>555</v>
      </c>
    </row>
    <row r="315" spans="9:59" x14ac:dyDescent="0.25">
      <c r="I315">
        <v>313</v>
      </c>
      <c r="J315">
        <v>1403.4</v>
      </c>
      <c r="K315">
        <v>158</v>
      </c>
      <c r="U315">
        <v>313</v>
      </c>
      <c r="V315">
        <v>1730.1</v>
      </c>
      <c r="W315">
        <v>191</v>
      </c>
      <c r="BA315">
        <v>313</v>
      </c>
      <c r="BB315">
        <v>1422.5</v>
      </c>
      <c r="BC315">
        <v>5258</v>
      </c>
      <c r="BE315">
        <v>313</v>
      </c>
      <c r="BF315">
        <v>1346.2</v>
      </c>
      <c r="BG315">
        <v>143</v>
      </c>
    </row>
    <row r="316" spans="9:59" x14ac:dyDescent="0.25">
      <c r="I316">
        <v>314</v>
      </c>
      <c r="J316">
        <v>1404.5</v>
      </c>
      <c r="K316">
        <v>1059</v>
      </c>
      <c r="U316">
        <v>314</v>
      </c>
      <c r="V316">
        <v>1730.5</v>
      </c>
      <c r="W316">
        <v>226</v>
      </c>
      <c r="BA316">
        <v>314</v>
      </c>
      <c r="BB316">
        <v>1423.2</v>
      </c>
      <c r="BC316">
        <v>611</v>
      </c>
      <c r="BE316">
        <v>314</v>
      </c>
      <c r="BF316">
        <v>1347.6</v>
      </c>
      <c r="BG316">
        <v>266</v>
      </c>
    </row>
    <row r="317" spans="9:59" x14ac:dyDescent="0.25">
      <c r="I317">
        <v>315</v>
      </c>
      <c r="J317">
        <v>1417.6</v>
      </c>
      <c r="K317">
        <v>119</v>
      </c>
      <c r="U317">
        <v>315</v>
      </c>
      <c r="V317">
        <v>1730.8</v>
      </c>
      <c r="W317">
        <v>247</v>
      </c>
      <c r="BA317">
        <v>315</v>
      </c>
      <c r="BB317">
        <v>1423.6</v>
      </c>
      <c r="BC317">
        <v>4521</v>
      </c>
      <c r="BE317">
        <v>315</v>
      </c>
      <c r="BF317">
        <v>1348.4</v>
      </c>
      <c r="BG317">
        <v>119</v>
      </c>
    </row>
    <row r="318" spans="9:59" x14ac:dyDescent="0.25">
      <c r="I318">
        <v>316</v>
      </c>
      <c r="J318">
        <v>1419.5</v>
      </c>
      <c r="K318">
        <v>164</v>
      </c>
      <c r="U318">
        <v>316</v>
      </c>
      <c r="V318">
        <v>1732.8</v>
      </c>
      <c r="W318">
        <v>805</v>
      </c>
      <c r="BA318">
        <v>316</v>
      </c>
      <c r="BB318">
        <v>1423.9</v>
      </c>
      <c r="BC318">
        <v>827</v>
      </c>
      <c r="BE318">
        <v>316</v>
      </c>
      <c r="BF318">
        <v>1350.2</v>
      </c>
      <c r="BG318">
        <v>128</v>
      </c>
    </row>
    <row r="319" spans="9:59" x14ac:dyDescent="0.25">
      <c r="I319">
        <v>317</v>
      </c>
      <c r="J319">
        <v>1421.4</v>
      </c>
      <c r="K319">
        <v>142</v>
      </c>
      <c r="U319">
        <v>317</v>
      </c>
      <c r="V319">
        <v>1734.7</v>
      </c>
      <c r="W319">
        <v>177</v>
      </c>
      <c r="BA319">
        <v>317</v>
      </c>
      <c r="BB319">
        <v>1424.5</v>
      </c>
      <c r="BC319">
        <v>1600</v>
      </c>
      <c r="BE319">
        <v>317</v>
      </c>
      <c r="BF319">
        <v>1352.5</v>
      </c>
      <c r="BG319">
        <v>268</v>
      </c>
    </row>
    <row r="320" spans="9:59" x14ac:dyDescent="0.25">
      <c r="I320">
        <v>318</v>
      </c>
      <c r="J320">
        <v>1421.7</v>
      </c>
      <c r="K320">
        <v>454</v>
      </c>
      <c r="U320">
        <v>318</v>
      </c>
      <c r="V320">
        <v>1736.6</v>
      </c>
      <c r="W320">
        <v>1120</v>
      </c>
      <c r="BA320">
        <v>318</v>
      </c>
      <c r="BB320">
        <v>1426.6</v>
      </c>
      <c r="BC320">
        <v>568</v>
      </c>
      <c r="BE320">
        <v>318</v>
      </c>
      <c r="BF320">
        <v>1362.5</v>
      </c>
      <c r="BG320">
        <v>1520</v>
      </c>
    </row>
    <row r="321" spans="9:59" x14ac:dyDescent="0.25">
      <c r="I321">
        <v>319</v>
      </c>
      <c r="J321">
        <v>1422.2</v>
      </c>
      <c r="K321">
        <v>137</v>
      </c>
      <c r="U321">
        <v>319</v>
      </c>
      <c r="V321">
        <v>1737.7</v>
      </c>
      <c r="W321">
        <v>775</v>
      </c>
      <c r="BA321">
        <v>319</v>
      </c>
      <c r="BB321">
        <v>1427</v>
      </c>
      <c r="BC321">
        <v>373</v>
      </c>
      <c r="BE321">
        <v>319</v>
      </c>
      <c r="BF321">
        <v>1363.1</v>
      </c>
      <c r="BG321">
        <v>951</v>
      </c>
    </row>
    <row r="322" spans="9:59" x14ac:dyDescent="0.25">
      <c r="I322">
        <v>320</v>
      </c>
      <c r="J322">
        <v>1422.4</v>
      </c>
      <c r="K322">
        <v>178</v>
      </c>
      <c r="U322">
        <v>320</v>
      </c>
      <c r="V322">
        <v>1738.6</v>
      </c>
      <c r="W322">
        <v>796</v>
      </c>
      <c r="BA322">
        <v>320</v>
      </c>
      <c r="BB322">
        <v>1427.6</v>
      </c>
      <c r="BC322">
        <v>508</v>
      </c>
      <c r="BE322">
        <v>320</v>
      </c>
      <c r="BF322">
        <v>1363.4</v>
      </c>
      <c r="BG322">
        <v>911</v>
      </c>
    </row>
    <row r="323" spans="9:59" x14ac:dyDescent="0.25">
      <c r="I323">
        <v>321</v>
      </c>
      <c r="J323">
        <v>1422.5</v>
      </c>
      <c r="K323">
        <v>167</v>
      </c>
      <c r="U323">
        <v>321</v>
      </c>
      <c r="V323">
        <v>1739.6</v>
      </c>
      <c r="W323">
        <v>147</v>
      </c>
      <c r="BA323">
        <v>321</v>
      </c>
      <c r="BB323">
        <v>1429.5</v>
      </c>
      <c r="BC323">
        <v>502</v>
      </c>
      <c r="BE323">
        <v>321</v>
      </c>
      <c r="BF323">
        <v>1363.8</v>
      </c>
      <c r="BG323">
        <v>254</v>
      </c>
    </row>
    <row r="324" spans="9:59" x14ac:dyDescent="0.25">
      <c r="I324">
        <v>322</v>
      </c>
      <c r="J324">
        <v>1425.4</v>
      </c>
      <c r="K324">
        <v>181</v>
      </c>
      <c r="U324">
        <v>322</v>
      </c>
      <c r="V324">
        <v>1750.4</v>
      </c>
      <c r="W324">
        <v>301</v>
      </c>
      <c r="BA324">
        <v>322</v>
      </c>
      <c r="BB324">
        <v>1443.2</v>
      </c>
      <c r="BC324">
        <v>1086</v>
      </c>
      <c r="BE324">
        <v>322</v>
      </c>
      <c r="BF324">
        <v>1364.5</v>
      </c>
      <c r="BG324">
        <v>241</v>
      </c>
    </row>
    <row r="325" spans="9:59" x14ac:dyDescent="0.25">
      <c r="I325">
        <v>323</v>
      </c>
      <c r="J325">
        <v>1428.7</v>
      </c>
      <c r="K325">
        <v>177</v>
      </c>
      <c r="U325">
        <v>323</v>
      </c>
      <c r="V325">
        <v>1750.7</v>
      </c>
      <c r="W325">
        <v>285</v>
      </c>
      <c r="BA325">
        <v>323</v>
      </c>
      <c r="BB325">
        <v>1443.6</v>
      </c>
      <c r="BC325">
        <v>4575</v>
      </c>
      <c r="BE325">
        <v>323</v>
      </c>
      <c r="BF325">
        <v>1364.6</v>
      </c>
      <c r="BG325">
        <v>233</v>
      </c>
    </row>
    <row r="326" spans="9:59" x14ac:dyDescent="0.25">
      <c r="I326">
        <v>324</v>
      </c>
      <c r="J326">
        <v>1429.7</v>
      </c>
      <c r="K326">
        <v>544</v>
      </c>
      <c r="U326">
        <v>324</v>
      </c>
      <c r="V326">
        <v>1750.8</v>
      </c>
      <c r="W326">
        <v>281</v>
      </c>
      <c r="BA326">
        <v>324</v>
      </c>
      <c r="BB326">
        <v>1444.1</v>
      </c>
      <c r="BC326">
        <v>649</v>
      </c>
      <c r="BE326">
        <v>324</v>
      </c>
      <c r="BF326">
        <v>1368.4</v>
      </c>
      <c r="BG326">
        <v>133</v>
      </c>
    </row>
    <row r="327" spans="9:59" x14ac:dyDescent="0.25">
      <c r="I327">
        <v>325</v>
      </c>
      <c r="J327">
        <v>1443.6</v>
      </c>
      <c r="K327">
        <v>136</v>
      </c>
      <c r="U327">
        <v>325</v>
      </c>
      <c r="V327">
        <v>1751.3</v>
      </c>
      <c r="W327">
        <v>222</v>
      </c>
      <c r="BA327">
        <v>325</v>
      </c>
      <c r="BB327">
        <v>1444.5</v>
      </c>
      <c r="BC327">
        <v>1189</v>
      </c>
      <c r="BE327">
        <v>325</v>
      </c>
      <c r="BF327">
        <v>1382.4</v>
      </c>
      <c r="BG327">
        <v>127</v>
      </c>
    </row>
    <row r="328" spans="9:59" x14ac:dyDescent="0.25">
      <c r="I328">
        <v>326</v>
      </c>
      <c r="J328">
        <v>1445.6</v>
      </c>
      <c r="K328">
        <v>471</v>
      </c>
      <c r="U328">
        <v>326</v>
      </c>
      <c r="V328">
        <v>1751.6</v>
      </c>
      <c r="W328">
        <v>315</v>
      </c>
      <c r="BA328">
        <v>326</v>
      </c>
      <c r="BB328">
        <v>1445.5</v>
      </c>
      <c r="BC328">
        <v>1164</v>
      </c>
      <c r="BE328">
        <v>326</v>
      </c>
      <c r="BF328">
        <v>1386.4</v>
      </c>
      <c r="BG328">
        <v>1742</v>
      </c>
    </row>
    <row r="329" spans="9:59" x14ac:dyDescent="0.25">
      <c r="I329">
        <v>327</v>
      </c>
      <c r="J329">
        <v>1447.5</v>
      </c>
      <c r="K329">
        <v>149</v>
      </c>
      <c r="U329">
        <v>327</v>
      </c>
      <c r="V329">
        <v>1752.5</v>
      </c>
      <c r="W329">
        <v>317</v>
      </c>
      <c r="BA329">
        <v>327</v>
      </c>
      <c r="BB329">
        <v>1446.6</v>
      </c>
      <c r="BC329">
        <v>300</v>
      </c>
      <c r="BE329">
        <v>327</v>
      </c>
      <c r="BF329">
        <v>1387.6</v>
      </c>
      <c r="BG329">
        <v>1077</v>
      </c>
    </row>
    <row r="330" spans="9:59" x14ac:dyDescent="0.25">
      <c r="I330">
        <v>328</v>
      </c>
      <c r="J330">
        <v>1459.4</v>
      </c>
      <c r="K330">
        <v>976</v>
      </c>
      <c r="U330">
        <v>328</v>
      </c>
      <c r="V330">
        <v>1752.8</v>
      </c>
      <c r="W330">
        <v>347</v>
      </c>
      <c r="BA330">
        <v>328</v>
      </c>
      <c r="BB330">
        <v>1447.6</v>
      </c>
      <c r="BC330">
        <v>814</v>
      </c>
      <c r="BE330">
        <v>328</v>
      </c>
      <c r="BF330">
        <v>1388.5</v>
      </c>
      <c r="BG330">
        <v>757</v>
      </c>
    </row>
    <row r="331" spans="9:59" x14ac:dyDescent="0.25">
      <c r="I331">
        <v>329</v>
      </c>
      <c r="J331">
        <v>1459.6</v>
      </c>
      <c r="K331">
        <v>820</v>
      </c>
      <c r="U331">
        <v>329</v>
      </c>
      <c r="V331">
        <v>1753.4</v>
      </c>
      <c r="W331">
        <v>118</v>
      </c>
      <c r="BA331">
        <v>329</v>
      </c>
      <c r="BB331">
        <v>1448.5</v>
      </c>
      <c r="BC331">
        <v>237</v>
      </c>
      <c r="BE331">
        <v>329</v>
      </c>
      <c r="BF331">
        <v>1388.9</v>
      </c>
      <c r="BG331">
        <v>267</v>
      </c>
    </row>
    <row r="332" spans="9:59" x14ac:dyDescent="0.25">
      <c r="I332">
        <v>330</v>
      </c>
      <c r="J332">
        <v>1460.6</v>
      </c>
      <c r="K332">
        <v>516</v>
      </c>
      <c r="U332">
        <v>330</v>
      </c>
      <c r="V332">
        <v>1754.5</v>
      </c>
      <c r="W332">
        <v>249</v>
      </c>
      <c r="BA332">
        <v>330</v>
      </c>
      <c r="BB332">
        <v>1460.1</v>
      </c>
      <c r="BC332">
        <v>115</v>
      </c>
      <c r="BE332">
        <v>330</v>
      </c>
      <c r="BF332">
        <v>1389.5</v>
      </c>
      <c r="BG332">
        <v>264</v>
      </c>
    </row>
    <row r="333" spans="9:59" x14ac:dyDescent="0.25">
      <c r="I333">
        <v>331</v>
      </c>
      <c r="J333">
        <v>1462.5</v>
      </c>
      <c r="K333">
        <v>352</v>
      </c>
      <c r="U333">
        <v>331</v>
      </c>
      <c r="V333">
        <v>1766.7</v>
      </c>
      <c r="W333">
        <v>165</v>
      </c>
      <c r="BA333">
        <v>331</v>
      </c>
      <c r="BB333">
        <v>1492</v>
      </c>
      <c r="BC333">
        <v>279</v>
      </c>
      <c r="BE333">
        <v>331</v>
      </c>
      <c r="BF333">
        <v>1390.3</v>
      </c>
      <c r="BG333">
        <v>177</v>
      </c>
    </row>
    <row r="334" spans="9:59" x14ac:dyDescent="0.25">
      <c r="I334">
        <v>332</v>
      </c>
      <c r="J334">
        <v>1463.5</v>
      </c>
      <c r="K334">
        <v>360</v>
      </c>
      <c r="U334">
        <v>332</v>
      </c>
      <c r="V334">
        <v>1771.5</v>
      </c>
      <c r="W334">
        <v>266</v>
      </c>
      <c r="BA334">
        <v>332</v>
      </c>
      <c r="BB334">
        <v>1547.6</v>
      </c>
      <c r="BC334">
        <v>643</v>
      </c>
      <c r="BE334">
        <v>332</v>
      </c>
      <c r="BF334">
        <v>1391.3</v>
      </c>
      <c r="BG334">
        <v>237</v>
      </c>
    </row>
    <row r="335" spans="9:59" x14ac:dyDescent="0.25">
      <c r="I335">
        <v>333</v>
      </c>
      <c r="J335">
        <v>1464.6</v>
      </c>
      <c r="K335">
        <v>430</v>
      </c>
      <c r="U335">
        <v>333</v>
      </c>
      <c r="V335">
        <v>1772.8</v>
      </c>
      <c r="W335">
        <v>193</v>
      </c>
      <c r="BA335">
        <v>333</v>
      </c>
      <c r="BB335">
        <v>1548.6</v>
      </c>
      <c r="BC335">
        <v>379</v>
      </c>
      <c r="BE335">
        <v>333</v>
      </c>
      <c r="BF335">
        <v>1401.7</v>
      </c>
      <c r="BG335">
        <v>200</v>
      </c>
    </row>
    <row r="336" spans="9:59" x14ac:dyDescent="0.25">
      <c r="I336">
        <v>334</v>
      </c>
      <c r="J336">
        <v>1465.7</v>
      </c>
      <c r="K336">
        <v>298</v>
      </c>
      <c r="U336">
        <v>334</v>
      </c>
      <c r="V336">
        <v>1778.3</v>
      </c>
      <c r="W336">
        <v>183</v>
      </c>
      <c r="BA336">
        <v>334</v>
      </c>
      <c r="BB336">
        <v>1550.6</v>
      </c>
      <c r="BC336">
        <v>174</v>
      </c>
      <c r="BE336">
        <v>334</v>
      </c>
      <c r="BF336">
        <v>1402.5</v>
      </c>
      <c r="BG336">
        <v>233</v>
      </c>
    </row>
    <row r="337" spans="9:59" x14ac:dyDescent="0.25">
      <c r="I337">
        <v>335</v>
      </c>
      <c r="J337">
        <v>1466.5</v>
      </c>
      <c r="K337">
        <v>181</v>
      </c>
      <c r="U337">
        <v>335</v>
      </c>
      <c r="V337">
        <v>1792.6</v>
      </c>
      <c r="W337">
        <v>239</v>
      </c>
      <c r="BA337">
        <v>335</v>
      </c>
      <c r="BB337">
        <v>1559.4</v>
      </c>
      <c r="BC337">
        <v>485</v>
      </c>
      <c r="BE337">
        <v>335</v>
      </c>
      <c r="BF337">
        <v>1404.5</v>
      </c>
      <c r="BG337">
        <v>113</v>
      </c>
    </row>
    <row r="338" spans="9:59" x14ac:dyDescent="0.25">
      <c r="I338">
        <v>336</v>
      </c>
      <c r="J338">
        <v>1467.7</v>
      </c>
      <c r="K338">
        <v>230</v>
      </c>
      <c r="U338">
        <v>336</v>
      </c>
      <c r="V338">
        <v>1792.8</v>
      </c>
      <c r="W338">
        <v>187</v>
      </c>
      <c r="BA338">
        <v>336</v>
      </c>
      <c r="BB338">
        <v>1565.5</v>
      </c>
      <c r="BC338">
        <v>405</v>
      </c>
      <c r="BE338">
        <v>336</v>
      </c>
      <c r="BF338">
        <v>1418.4</v>
      </c>
      <c r="BG338">
        <v>188</v>
      </c>
    </row>
    <row r="339" spans="9:59" x14ac:dyDescent="0.25">
      <c r="I339">
        <v>337</v>
      </c>
      <c r="J339">
        <v>1484.5</v>
      </c>
      <c r="K339">
        <v>266</v>
      </c>
      <c r="U339">
        <v>337</v>
      </c>
      <c r="V339">
        <v>1808.8</v>
      </c>
      <c r="W339">
        <v>207</v>
      </c>
      <c r="BA339">
        <v>337</v>
      </c>
      <c r="BB339">
        <v>1565.8</v>
      </c>
      <c r="BC339">
        <v>385</v>
      </c>
      <c r="BE339">
        <v>337</v>
      </c>
      <c r="BF339">
        <v>1419.6</v>
      </c>
      <c r="BG339">
        <v>795</v>
      </c>
    </row>
    <row r="340" spans="9:59" x14ac:dyDescent="0.25">
      <c r="I340">
        <v>338</v>
      </c>
      <c r="J340">
        <v>1506.5</v>
      </c>
      <c r="K340">
        <v>245</v>
      </c>
      <c r="U340">
        <v>338</v>
      </c>
      <c r="V340">
        <v>1810.8</v>
      </c>
      <c r="W340">
        <v>179</v>
      </c>
      <c r="BA340">
        <v>338</v>
      </c>
      <c r="BB340">
        <v>1590.5</v>
      </c>
      <c r="BC340">
        <v>170</v>
      </c>
      <c r="BE340">
        <v>338</v>
      </c>
      <c r="BF340">
        <v>1420.7</v>
      </c>
      <c r="BG340">
        <v>222</v>
      </c>
    </row>
    <row r="341" spans="9:59" x14ac:dyDescent="0.25">
      <c r="I341">
        <v>339</v>
      </c>
      <c r="J341">
        <v>1541.6</v>
      </c>
      <c r="K341">
        <v>287</v>
      </c>
      <c r="U341">
        <v>339</v>
      </c>
      <c r="V341">
        <v>1811.7</v>
      </c>
      <c r="W341">
        <v>118</v>
      </c>
      <c r="BA341">
        <v>339</v>
      </c>
      <c r="BB341">
        <v>1607.6</v>
      </c>
      <c r="BC341">
        <v>3950</v>
      </c>
      <c r="BE341">
        <v>339</v>
      </c>
      <c r="BF341">
        <v>1422.3</v>
      </c>
      <c r="BG341">
        <v>632</v>
      </c>
    </row>
    <row r="342" spans="9:59" x14ac:dyDescent="0.25">
      <c r="I342">
        <v>340</v>
      </c>
      <c r="J342">
        <v>1565.5</v>
      </c>
      <c r="K342">
        <v>179</v>
      </c>
      <c r="U342">
        <v>340</v>
      </c>
      <c r="V342">
        <v>1814.6</v>
      </c>
      <c r="W342">
        <v>104</v>
      </c>
      <c r="BA342">
        <v>340</v>
      </c>
      <c r="BB342">
        <v>1608.6</v>
      </c>
      <c r="BC342">
        <v>5174</v>
      </c>
      <c r="BE342">
        <v>340</v>
      </c>
      <c r="BF342">
        <v>1424.5</v>
      </c>
      <c r="BG342">
        <v>172</v>
      </c>
    </row>
    <row r="343" spans="9:59" x14ac:dyDescent="0.25">
      <c r="I343">
        <v>341</v>
      </c>
      <c r="J343">
        <v>1566.5</v>
      </c>
      <c r="K343">
        <v>222</v>
      </c>
      <c r="U343">
        <v>341</v>
      </c>
      <c r="V343">
        <v>1826.5</v>
      </c>
      <c r="W343">
        <v>312</v>
      </c>
      <c r="BA343">
        <v>341</v>
      </c>
      <c r="BB343">
        <v>1609.3</v>
      </c>
      <c r="BC343">
        <v>211</v>
      </c>
      <c r="BE343">
        <v>341</v>
      </c>
      <c r="BF343">
        <v>1425.3</v>
      </c>
      <c r="BG343">
        <v>132</v>
      </c>
    </row>
    <row r="344" spans="9:59" x14ac:dyDescent="0.25">
      <c r="I344">
        <v>342</v>
      </c>
      <c r="J344">
        <v>1567.3</v>
      </c>
      <c r="K344">
        <v>114</v>
      </c>
      <c r="U344">
        <v>342</v>
      </c>
      <c r="V344">
        <v>1827.8</v>
      </c>
      <c r="W344">
        <v>103</v>
      </c>
      <c r="BA344">
        <v>342</v>
      </c>
      <c r="BB344">
        <v>1609.6</v>
      </c>
      <c r="BC344">
        <v>2463</v>
      </c>
      <c r="BE344">
        <v>342</v>
      </c>
      <c r="BF344">
        <v>1431.6</v>
      </c>
      <c r="BG344">
        <v>174</v>
      </c>
    </row>
    <row r="345" spans="9:59" x14ac:dyDescent="0.25">
      <c r="I345">
        <v>343</v>
      </c>
      <c r="J345">
        <v>1607.6</v>
      </c>
      <c r="K345">
        <v>952</v>
      </c>
      <c r="U345">
        <v>343</v>
      </c>
      <c r="V345">
        <v>1828.6</v>
      </c>
      <c r="W345">
        <v>200</v>
      </c>
      <c r="BA345">
        <v>343</v>
      </c>
      <c r="BB345">
        <v>1610.5</v>
      </c>
      <c r="BC345">
        <v>1126</v>
      </c>
      <c r="BE345">
        <v>343</v>
      </c>
      <c r="BF345">
        <v>1443.6</v>
      </c>
      <c r="BG345">
        <v>118</v>
      </c>
    </row>
    <row r="346" spans="9:59" x14ac:dyDescent="0.25">
      <c r="I346">
        <v>344</v>
      </c>
      <c r="J346">
        <v>1608.6</v>
      </c>
      <c r="K346">
        <v>451</v>
      </c>
      <c r="U346">
        <v>344</v>
      </c>
      <c r="V346">
        <v>1828.9</v>
      </c>
      <c r="W346">
        <v>379</v>
      </c>
      <c r="BA346">
        <v>344</v>
      </c>
      <c r="BB346">
        <v>1611.5</v>
      </c>
      <c r="BC346">
        <v>531</v>
      </c>
      <c r="BE346">
        <v>344</v>
      </c>
      <c r="BF346">
        <v>1446.5</v>
      </c>
      <c r="BG346">
        <v>337</v>
      </c>
    </row>
    <row r="347" spans="9:59" x14ac:dyDescent="0.25">
      <c r="I347">
        <v>345</v>
      </c>
      <c r="J347">
        <v>1609.4</v>
      </c>
      <c r="K347">
        <v>225</v>
      </c>
      <c r="U347">
        <v>345</v>
      </c>
      <c r="V347">
        <v>1829.3</v>
      </c>
      <c r="W347">
        <v>176</v>
      </c>
      <c r="BA347">
        <v>345</v>
      </c>
      <c r="BB347">
        <v>1623.7</v>
      </c>
      <c r="BC347">
        <v>835</v>
      </c>
      <c r="BE347">
        <v>345</v>
      </c>
      <c r="BF347">
        <v>1447.6</v>
      </c>
      <c r="BG347">
        <v>218</v>
      </c>
    </row>
    <row r="348" spans="9:59" x14ac:dyDescent="0.25">
      <c r="I348">
        <v>346</v>
      </c>
      <c r="J348">
        <v>1609.7</v>
      </c>
      <c r="K348">
        <v>113</v>
      </c>
      <c r="U348">
        <v>346</v>
      </c>
      <c r="V348">
        <v>1829.7</v>
      </c>
      <c r="W348">
        <v>734</v>
      </c>
      <c r="BA348">
        <v>346</v>
      </c>
      <c r="BB348">
        <v>1624.5</v>
      </c>
      <c r="BC348">
        <v>235</v>
      </c>
      <c r="BE348">
        <v>346</v>
      </c>
      <c r="BF348">
        <v>1447.7</v>
      </c>
      <c r="BG348">
        <v>320</v>
      </c>
    </row>
    <row r="349" spans="9:59" x14ac:dyDescent="0.25">
      <c r="I349">
        <v>347</v>
      </c>
      <c r="J349">
        <v>1611.5</v>
      </c>
      <c r="K349">
        <v>153</v>
      </c>
      <c r="U349">
        <v>347</v>
      </c>
      <c r="V349">
        <v>1830.5</v>
      </c>
      <c r="W349">
        <v>284</v>
      </c>
      <c r="BA349">
        <v>347</v>
      </c>
      <c r="BB349">
        <v>1626.6</v>
      </c>
      <c r="BC349">
        <v>1241</v>
      </c>
      <c r="BE349">
        <v>347</v>
      </c>
      <c r="BF349">
        <v>1464.5</v>
      </c>
      <c r="BG349">
        <v>513</v>
      </c>
    </row>
    <row r="350" spans="9:59" x14ac:dyDescent="0.25">
      <c r="I350">
        <v>348</v>
      </c>
      <c r="J350">
        <v>1625.5</v>
      </c>
      <c r="K350">
        <v>159</v>
      </c>
      <c r="U350">
        <v>348</v>
      </c>
      <c r="V350">
        <v>1830.7</v>
      </c>
      <c r="W350">
        <v>481</v>
      </c>
      <c r="BE350">
        <v>348</v>
      </c>
      <c r="BF350">
        <v>1465.4</v>
      </c>
      <c r="BG350">
        <v>339</v>
      </c>
    </row>
    <row r="351" spans="9:59" x14ac:dyDescent="0.25">
      <c r="I351">
        <v>349</v>
      </c>
      <c r="J351">
        <v>1626.8</v>
      </c>
      <c r="K351">
        <v>295</v>
      </c>
      <c r="U351">
        <v>349</v>
      </c>
      <c r="V351">
        <v>1831.6</v>
      </c>
      <c r="W351">
        <v>203</v>
      </c>
      <c r="BE351">
        <v>349</v>
      </c>
      <c r="BF351">
        <v>1466.4</v>
      </c>
      <c r="BG351">
        <v>211</v>
      </c>
    </row>
    <row r="352" spans="9:59" x14ac:dyDescent="0.25">
      <c r="I352">
        <v>350</v>
      </c>
      <c r="J352">
        <v>1627.8</v>
      </c>
      <c r="K352">
        <v>157</v>
      </c>
      <c r="U352">
        <v>350</v>
      </c>
      <c r="V352">
        <v>1832.4</v>
      </c>
      <c r="W352">
        <v>141</v>
      </c>
      <c r="BE352">
        <v>350</v>
      </c>
      <c r="BF352">
        <v>1466.6</v>
      </c>
      <c r="BG352">
        <v>200</v>
      </c>
    </row>
    <row r="353" spans="9:59" x14ac:dyDescent="0.25">
      <c r="I353">
        <v>351</v>
      </c>
      <c r="J353">
        <v>1648.8</v>
      </c>
      <c r="K353">
        <v>124</v>
      </c>
      <c r="U353">
        <v>351</v>
      </c>
      <c r="V353">
        <v>1832.5</v>
      </c>
      <c r="W353">
        <v>130</v>
      </c>
      <c r="BE353">
        <v>351</v>
      </c>
      <c r="BF353">
        <v>1475.7</v>
      </c>
      <c r="BG353">
        <v>272</v>
      </c>
    </row>
    <row r="354" spans="9:59" x14ac:dyDescent="0.25">
      <c r="I354">
        <v>352</v>
      </c>
      <c r="J354">
        <v>1649.8</v>
      </c>
      <c r="K354">
        <v>316</v>
      </c>
      <c r="U354">
        <v>352</v>
      </c>
      <c r="V354">
        <v>1852.6</v>
      </c>
      <c r="W354">
        <v>207</v>
      </c>
      <c r="BE354">
        <v>352</v>
      </c>
      <c r="BF354">
        <v>1483.6</v>
      </c>
      <c r="BG354">
        <v>409</v>
      </c>
    </row>
    <row r="355" spans="9:59" x14ac:dyDescent="0.25">
      <c r="I355">
        <v>353</v>
      </c>
      <c r="J355">
        <v>1682.6</v>
      </c>
      <c r="K355">
        <v>154</v>
      </c>
      <c r="U355">
        <v>353</v>
      </c>
      <c r="V355">
        <v>1853.9</v>
      </c>
      <c r="W355">
        <v>228</v>
      </c>
      <c r="BE355">
        <v>353</v>
      </c>
      <c r="BF355">
        <v>1484.6</v>
      </c>
      <c r="BG355">
        <v>186</v>
      </c>
    </row>
    <row r="356" spans="9:59" x14ac:dyDescent="0.25">
      <c r="U356">
        <v>354</v>
      </c>
      <c r="V356">
        <v>1856.5</v>
      </c>
      <c r="W356">
        <v>107</v>
      </c>
      <c r="BE356">
        <v>354</v>
      </c>
      <c r="BF356">
        <v>1488.5</v>
      </c>
      <c r="BG356">
        <v>477</v>
      </c>
    </row>
    <row r="357" spans="9:59" x14ac:dyDescent="0.25">
      <c r="U357">
        <v>355</v>
      </c>
      <c r="V357">
        <v>1856.7</v>
      </c>
      <c r="W357">
        <v>101</v>
      </c>
      <c r="BE357">
        <v>355</v>
      </c>
      <c r="BF357">
        <v>1492.5</v>
      </c>
      <c r="BG357">
        <v>244</v>
      </c>
    </row>
    <row r="358" spans="9:59" x14ac:dyDescent="0.25">
      <c r="U358">
        <v>356</v>
      </c>
      <c r="V358">
        <v>1873.6</v>
      </c>
      <c r="W358">
        <v>156</v>
      </c>
      <c r="BE358">
        <v>356</v>
      </c>
      <c r="BF358">
        <v>1506.4</v>
      </c>
      <c r="BG358">
        <v>436</v>
      </c>
    </row>
    <row r="359" spans="9:59" x14ac:dyDescent="0.25">
      <c r="U359">
        <v>357</v>
      </c>
      <c r="V359">
        <v>1876.5</v>
      </c>
      <c r="W359">
        <v>147</v>
      </c>
      <c r="BE359">
        <v>357</v>
      </c>
      <c r="BF359">
        <v>1506.6</v>
      </c>
      <c r="BG359">
        <v>697</v>
      </c>
    </row>
    <row r="360" spans="9:59" x14ac:dyDescent="0.25">
      <c r="U360">
        <v>358</v>
      </c>
      <c r="V360">
        <v>1877.6</v>
      </c>
      <c r="W360">
        <v>166</v>
      </c>
      <c r="BE360">
        <v>358</v>
      </c>
      <c r="BF360">
        <v>1507.5</v>
      </c>
      <c r="BG360">
        <v>1601</v>
      </c>
    </row>
    <row r="361" spans="9:59" x14ac:dyDescent="0.25">
      <c r="U361">
        <v>359</v>
      </c>
      <c r="V361">
        <v>1896.7</v>
      </c>
      <c r="W361">
        <v>206</v>
      </c>
      <c r="BE361">
        <v>359</v>
      </c>
      <c r="BF361">
        <v>1508.5</v>
      </c>
      <c r="BG361">
        <v>497</v>
      </c>
    </row>
    <row r="362" spans="9:59" x14ac:dyDescent="0.25">
      <c r="U362">
        <v>360</v>
      </c>
      <c r="V362">
        <v>1899.8</v>
      </c>
      <c r="W362">
        <v>125</v>
      </c>
      <c r="BE362">
        <v>360</v>
      </c>
      <c r="BF362">
        <v>1509.5</v>
      </c>
      <c r="BG362">
        <v>358</v>
      </c>
    </row>
    <row r="363" spans="9:59" x14ac:dyDescent="0.25">
      <c r="U363">
        <v>361</v>
      </c>
      <c r="V363">
        <v>1912.6</v>
      </c>
      <c r="W363">
        <v>1592</v>
      </c>
      <c r="BE363">
        <v>361</v>
      </c>
      <c r="BF363">
        <v>1509.6</v>
      </c>
      <c r="BG363">
        <v>245</v>
      </c>
    </row>
    <row r="364" spans="9:59" x14ac:dyDescent="0.25">
      <c r="U364">
        <v>362</v>
      </c>
      <c r="V364">
        <v>1913.7</v>
      </c>
      <c r="W364">
        <v>1187</v>
      </c>
      <c r="BE364">
        <v>362</v>
      </c>
      <c r="BF364">
        <v>1511.4</v>
      </c>
      <c r="BG364">
        <v>501</v>
      </c>
    </row>
    <row r="365" spans="9:59" x14ac:dyDescent="0.25">
      <c r="U365">
        <v>363</v>
      </c>
      <c r="V365">
        <v>1914.6</v>
      </c>
      <c r="W365">
        <v>168</v>
      </c>
      <c r="BE365">
        <v>363</v>
      </c>
      <c r="BF365">
        <v>1524.6</v>
      </c>
      <c r="BG365">
        <v>3429</v>
      </c>
    </row>
    <row r="366" spans="9:59" x14ac:dyDescent="0.25">
      <c r="U366">
        <v>364</v>
      </c>
      <c r="V366">
        <v>1915.7</v>
      </c>
      <c r="W366">
        <v>904</v>
      </c>
      <c r="BE366">
        <v>364</v>
      </c>
      <c r="BF366">
        <v>1525.1</v>
      </c>
      <c r="BG366">
        <v>137</v>
      </c>
    </row>
    <row r="367" spans="9:59" x14ac:dyDescent="0.25">
      <c r="U367">
        <v>365</v>
      </c>
      <c r="V367">
        <v>1916.8</v>
      </c>
      <c r="W367">
        <v>221</v>
      </c>
      <c r="BE367">
        <v>365</v>
      </c>
      <c r="BF367">
        <v>1525.6</v>
      </c>
      <c r="BG367">
        <v>2870</v>
      </c>
    </row>
    <row r="368" spans="9:59" x14ac:dyDescent="0.25">
      <c r="U368">
        <v>366</v>
      </c>
      <c r="V368">
        <v>1917.5</v>
      </c>
      <c r="W368">
        <v>258</v>
      </c>
      <c r="BE368">
        <v>366</v>
      </c>
      <c r="BF368">
        <v>1526.1</v>
      </c>
      <c r="BG368">
        <v>176</v>
      </c>
    </row>
    <row r="369" spans="21:59" x14ac:dyDescent="0.25">
      <c r="U369">
        <v>367</v>
      </c>
      <c r="V369">
        <v>1917.9</v>
      </c>
      <c r="W369">
        <v>159</v>
      </c>
      <c r="BE369">
        <v>367</v>
      </c>
      <c r="BF369">
        <v>1526.5</v>
      </c>
      <c r="BG369">
        <v>937</v>
      </c>
    </row>
    <row r="370" spans="21:59" x14ac:dyDescent="0.25">
      <c r="U370">
        <v>368</v>
      </c>
      <c r="V370">
        <v>1918.7</v>
      </c>
      <c r="W370">
        <v>435</v>
      </c>
      <c r="BE370">
        <v>368</v>
      </c>
      <c r="BF370">
        <v>1527.4</v>
      </c>
      <c r="BG370">
        <v>890</v>
      </c>
    </row>
    <row r="371" spans="21:59" x14ac:dyDescent="0.25">
      <c r="U371">
        <v>369</v>
      </c>
      <c r="V371">
        <v>1919.8</v>
      </c>
      <c r="W371">
        <v>218</v>
      </c>
      <c r="BE371">
        <v>369</v>
      </c>
      <c r="BF371">
        <v>1527.8</v>
      </c>
      <c r="BG371">
        <v>373</v>
      </c>
    </row>
    <row r="372" spans="21:59" x14ac:dyDescent="0.25">
      <c r="U372">
        <v>370</v>
      </c>
      <c r="V372">
        <v>1921.8</v>
      </c>
      <c r="W372">
        <v>268</v>
      </c>
      <c r="BE372">
        <v>370</v>
      </c>
      <c r="BF372">
        <v>1528.6</v>
      </c>
      <c r="BG372">
        <v>157</v>
      </c>
    </row>
    <row r="373" spans="21:59" x14ac:dyDescent="0.25">
      <c r="U373">
        <v>371</v>
      </c>
      <c r="V373">
        <v>1930.6</v>
      </c>
      <c r="W373">
        <v>584</v>
      </c>
      <c r="BE373">
        <v>371</v>
      </c>
      <c r="BF373">
        <v>1529.6</v>
      </c>
      <c r="BG373">
        <v>717</v>
      </c>
    </row>
    <row r="374" spans="21:59" x14ac:dyDescent="0.25">
      <c r="U374">
        <v>372</v>
      </c>
      <c r="V374">
        <v>1930.8</v>
      </c>
      <c r="W374">
        <v>525</v>
      </c>
      <c r="BE374">
        <v>372</v>
      </c>
      <c r="BF374">
        <v>1530.3</v>
      </c>
      <c r="BG374">
        <v>162</v>
      </c>
    </row>
    <row r="375" spans="21:59" x14ac:dyDescent="0.25">
      <c r="U375">
        <v>373</v>
      </c>
      <c r="V375">
        <v>1931.5</v>
      </c>
      <c r="W375">
        <v>305</v>
      </c>
      <c r="BE375">
        <v>373</v>
      </c>
      <c r="BF375">
        <v>1530.5</v>
      </c>
      <c r="BG375">
        <v>267</v>
      </c>
    </row>
    <row r="376" spans="21:59" x14ac:dyDescent="0.25">
      <c r="U376">
        <v>374</v>
      </c>
      <c r="V376">
        <v>1931.9</v>
      </c>
      <c r="W376">
        <v>246</v>
      </c>
      <c r="BE376">
        <v>374</v>
      </c>
      <c r="BF376">
        <v>1531.4</v>
      </c>
      <c r="BG376">
        <v>430</v>
      </c>
    </row>
    <row r="377" spans="21:59" x14ac:dyDescent="0.25">
      <c r="U377">
        <v>375</v>
      </c>
      <c r="V377">
        <v>1932.7</v>
      </c>
      <c r="W377">
        <v>355</v>
      </c>
      <c r="BE377">
        <v>375</v>
      </c>
      <c r="BF377">
        <v>1531.7</v>
      </c>
      <c r="BG377">
        <v>251</v>
      </c>
    </row>
    <row r="378" spans="21:59" x14ac:dyDescent="0.25">
      <c r="U378">
        <v>376</v>
      </c>
      <c r="V378">
        <v>1949</v>
      </c>
      <c r="W378">
        <v>224</v>
      </c>
      <c r="BE378">
        <v>376</v>
      </c>
      <c r="BF378">
        <v>1532.6</v>
      </c>
      <c r="BG378">
        <v>175</v>
      </c>
    </row>
    <row r="379" spans="21:59" x14ac:dyDescent="0.25">
      <c r="U379">
        <v>377</v>
      </c>
      <c r="V379">
        <v>1953.6</v>
      </c>
      <c r="W379">
        <v>107</v>
      </c>
      <c r="BE379">
        <v>377</v>
      </c>
      <c r="BF379">
        <v>1547.6</v>
      </c>
      <c r="BG379">
        <v>1319</v>
      </c>
    </row>
    <row r="380" spans="21:59" x14ac:dyDescent="0.25">
      <c r="U380">
        <v>378</v>
      </c>
      <c r="V380">
        <v>1957.8</v>
      </c>
      <c r="W380">
        <v>203</v>
      </c>
      <c r="BE380">
        <v>378</v>
      </c>
      <c r="BF380">
        <v>1548.5</v>
      </c>
      <c r="BG380">
        <v>657</v>
      </c>
    </row>
    <row r="381" spans="21:59" x14ac:dyDescent="0.25">
      <c r="U381">
        <v>379</v>
      </c>
      <c r="V381">
        <v>1973.6</v>
      </c>
      <c r="W381">
        <v>205</v>
      </c>
      <c r="BE381">
        <v>379</v>
      </c>
      <c r="BF381">
        <v>1548.8</v>
      </c>
      <c r="BG381">
        <v>885</v>
      </c>
    </row>
    <row r="382" spans="21:59" x14ac:dyDescent="0.25">
      <c r="U382">
        <v>380</v>
      </c>
      <c r="V382">
        <v>1974</v>
      </c>
      <c r="W382">
        <v>279</v>
      </c>
      <c r="BE382">
        <v>380</v>
      </c>
      <c r="BF382">
        <v>1549.3</v>
      </c>
      <c r="BG382">
        <v>576</v>
      </c>
    </row>
    <row r="383" spans="21:59" x14ac:dyDescent="0.25">
      <c r="U383">
        <v>381</v>
      </c>
      <c r="V383">
        <v>1990.8</v>
      </c>
      <c r="W383">
        <v>540</v>
      </c>
      <c r="BE383">
        <v>381</v>
      </c>
      <c r="BF383">
        <v>1549.6</v>
      </c>
      <c r="BG383">
        <v>414</v>
      </c>
    </row>
    <row r="384" spans="21:59" x14ac:dyDescent="0.25">
      <c r="U384">
        <v>382</v>
      </c>
      <c r="V384">
        <v>1991.5</v>
      </c>
      <c r="W384">
        <v>197</v>
      </c>
      <c r="BE384">
        <v>382</v>
      </c>
      <c r="BF384">
        <v>1550.4</v>
      </c>
      <c r="BG384">
        <v>314</v>
      </c>
    </row>
    <row r="385" spans="21:59" x14ac:dyDescent="0.25">
      <c r="U385">
        <v>383</v>
      </c>
      <c r="V385">
        <v>1991.8</v>
      </c>
      <c r="W385">
        <v>792</v>
      </c>
      <c r="BE385">
        <v>383</v>
      </c>
      <c r="BF385">
        <v>1550.8</v>
      </c>
      <c r="BG385">
        <v>110</v>
      </c>
    </row>
    <row r="386" spans="21:59" x14ac:dyDescent="0.25">
      <c r="U386">
        <v>384</v>
      </c>
      <c r="V386">
        <v>2100.6999999999998</v>
      </c>
      <c r="W386">
        <v>181</v>
      </c>
      <c r="BE386">
        <v>384</v>
      </c>
      <c r="BF386">
        <v>1551.7</v>
      </c>
      <c r="BG386">
        <v>349</v>
      </c>
    </row>
    <row r="387" spans="21:59" x14ac:dyDescent="0.25">
      <c r="BE387">
        <v>385</v>
      </c>
      <c r="BF387">
        <v>1552.6</v>
      </c>
      <c r="BG387">
        <v>962</v>
      </c>
    </row>
    <row r="388" spans="21:59" x14ac:dyDescent="0.25">
      <c r="BE388">
        <v>386</v>
      </c>
      <c r="BF388">
        <v>1553.4</v>
      </c>
      <c r="BG388">
        <v>353</v>
      </c>
    </row>
    <row r="389" spans="21:59" x14ac:dyDescent="0.25">
      <c r="BE389">
        <v>387</v>
      </c>
      <c r="BF389">
        <v>1561.6</v>
      </c>
      <c r="BG389">
        <v>103</v>
      </c>
    </row>
    <row r="390" spans="21:59" x14ac:dyDescent="0.25">
      <c r="BE390">
        <v>388</v>
      </c>
      <c r="BF390">
        <v>1563.6</v>
      </c>
      <c r="BG390">
        <v>135</v>
      </c>
    </row>
    <row r="391" spans="21:59" x14ac:dyDescent="0.25">
      <c r="BE391">
        <v>389</v>
      </c>
      <c r="BF391">
        <v>1565.5</v>
      </c>
      <c r="BG391">
        <v>367</v>
      </c>
    </row>
    <row r="392" spans="21:59" x14ac:dyDescent="0.25">
      <c r="BE392">
        <v>390</v>
      </c>
      <c r="BF392">
        <v>1566.5</v>
      </c>
      <c r="BG392">
        <v>642</v>
      </c>
    </row>
    <row r="393" spans="21:59" x14ac:dyDescent="0.25">
      <c r="BE393">
        <v>391</v>
      </c>
      <c r="BF393">
        <v>1566.7</v>
      </c>
      <c r="BG393">
        <v>787</v>
      </c>
    </row>
    <row r="394" spans="21:59" x14ac:dyDescent="0.25">
      <c r="BE394">
        <v>392</v>
      </c>
      <c r="BF394">
        <v>1567.4</v>
      </c>
      <c r="BG394">
        <v>142</v>
      </c>
    </row>
    <row r="395" spans="21:59" x14ac:dyDescent="0.25">
      <c r="BE395">
        <v>393</v>
      </c>
      <c r="BF395">
        <v>1567.7</v>
      </c>
      <c r="BG395">
        <v>256</v>
      </c>
    </row>
    <row r="396" spans="21:59" x14ac:dyDescent="0.25">
      <c r="BE396">
        <v>394</v>
      </c>
      <c r="BF396">
        <v>1568.4</v>
      </c>
      <c r="BG396">
        <v>102</v>
      </c>
    </row>
    <row r="397" spans="21:59" x14ac:dyDescent="0.25">
      <c r="BE397">
        <v>395</v>
      </c>
      <c r="BF397">
        <v>1568.6</v>
      </c>
      <c r="BG397">
        <v>162</v>
      </c>
    </row>
    <row r="398" spans="21:59" x14ac:dyDescent="0.25">
      <c r="BE398">
        <v>396</v>
      </c>
      <c r="BF398">
        <v>1569.1</v>
      </c>
      <c r="BG398">
        <v>102</v>
      </c>
    </row>
    <row r="399" spans="21:59" x14ac:dyDescent="0.25">
      <c r="BE399">
        <v>397</v>
      </c>
      <c r="BF399">
        <v>1569.5</v>
      </c>
      <c r="BG399">
        <v>206</v>
      </c>
    </row>
    <row r="400" spans="21:59" x14ac:dyDescent="0.25">
      <c r="BE400">
        <v>398</v>
      </c>
      <c r="BF400">
        <v>1572.5</v>
      </c>
      <c r="BG400">
        <v>266</v>
      </c>
    </row>
    <row r="401" spans="57:59" x14ac:dyDescent="0.25">
      <c r="BE401">
        <v>399</v>
      </c>
      <c r="BF401">
        <v>1577.7</v>
      </c>
      <c r="BG401">
        <v>119</v>
      </c>
    </row>
    <row r="402" spans="57:59" x14ac:dyDescent="0.25">
      <c r="BE402">
        <v>400</v>
      </c>
      <c r="BF402">
        <v>1588.5</v>
      </c>
      <c r="BG402">
        <v>260</v>
      </c>
    </row>
    <row r="403" spans="57:59" x14ac:dyDescent="0.25">
      <c r="BE403">
        <v>401</v>
      </c>
      <c r="BF403">
        <v>1605.6</v>
      </c>
      <c r="BG403">
        <v>506</v>
      </c>
    </row>
    <row r="404" spans="57:59" x14ac:dyDescent="0.25">
      <c r="BE404">
        <v>402</v>
      </c>
      <c r="BF404">
        <v>1606.7</v>
      </c>
      <c r="BG404">
        <v>164</v>
      </c>
    </row>
    <row r="405" spans="57:59" x14ac:dyDescent="0.25">
      <c r="BE405">
        <v>403</v>
      </c>
      <c r="BF405">
        <v>1607.4</v>
      </c>
      <c r="BG405">
        <v>293</v>
      </c>
    </row>
    <row r="406" spans="57:59" x14ac:dyDescent="0.25">
      <c r="BE406">
        <v>404</v>
      </c>
      <c r="BF406">
        <v>1608.5</v>
      </c>
      <c r="BG406">
        <v>656</v>
      </c>
    </row>
    <row r="407" spans="57:59" x14ac:dyDescent="0.25">
      <c r="BE407">
        <v>405</v>
      </c>
      <c r="BF407">
        <v>1609.6</v>
      </c>
      <c r="BG407">
        <v>407</v>
      </c>
    </row>
    <row r="408" spans="57:59" x14ac:dyDescent="0.25">
      <c r="BE408">
        <v>406</v>
      </c>
      <c r="BF408">
        <v>1609.8</v>
      </c>
      <c r="BG408">
        <v>309</v>
      </c>
    </row>
    <row r="409" spans="57:59" x14ac:dyDescent="0.25">
      <c r="BE409">
        <v>407</v>
      </c>
      <c r="BF409">
        <v>1610.5</v>
      </c>
      <c r="BG409">
        <v>428</v>
      </c>
    </row>
    <row r="410" spans="57:59" x14ac:dyDescent="0.25">
      <c r="BE410">
        <v>408</v>
      </c>
      <c r="BF410">
        <v>1623.6</v>
      </c>
      <c r="BG410">
        <v>165</v>
      </c>
    </row>
    <row r="411" spans="57:59" x14ac:dyDescent="0.25">
      <c r="BE411">
        <v>409</v>
      </c>
      <c r="BF411">
        <v>1624.5</v>
      </c>
      <c r="BG411">
        <v>427</v>
      </c>
    </row>
    <row r="412" spans="57:59" x14ac:dyDescent="0.25">
      <c r="BE412">
        <v>410</v>
      </c>
      <c r="BF412">
        <v>1624.7</v>
      </c>
      <c r="BG412">
        <v>459</v>
      </c>
    </row>
    <row r="413" spans="57:59" x14ac:dyDescent="0.25">
      <c r="BE413">
        <v>411</v>
      </c>
      <c r="BF413">
        <v>1625.5</v>
      </c>
      <c r="BG413">
        <v>674</v>
      </c>
    </row>
    <row r="414" spans="57:59" x14ac:dyDescent="0.25">
      <c r="BE414">
        <v>412</v>
      </c>
      <c r="BF414">
        <v>1625.9</v>
      </c>
      <c r="BG414">
        <v>706</v>
      </c>
    </row>
    <row r="415" spans="57:59" x14ac:dyDescent="0.25">
      <c r="BE415">
        <v>413</v>
      </c>
      <c r="BF415">
        <v>1626.6</v>
      </c>
      <c r="BG415">
        <v>1891</v>
      </c>
    </row>
    <row r="416" spans="57:59" x14ac:dyDescent="0.25">
      <c r="BE416">
        <v>414</v>
      </c>
      <c r="BF416">
        <v>1627</v>
      </c>
      <c r="BG416">
        <v>277</v>
      </c>
    </row>
    <row r="417" spans="57:59" x14ac:dyDescent="0.25">
      <c r="BE417">
        <v>415</v>
      </c>
      <c r="BF417">
        <v>1627.6</v>
      </c>
      <c r="BG417">
        <v>1873</v>
      </c>
    </row>
    <row r="418" spans="57:59" x14ac:dyDescent="0.25">
      <c r="BE418">
        <v>416</v>
      </c>
      <c r="BF418">
        <v>1628.6</v>
      </c>
      <c r="BG418">
        <v>529</v>
      </c>
    </row>
    <row r="419" spans="57:59" x14ac:dyDescent="0.25">
      <c r="BE419">
        <v>417</v>
      </c>
      <c r="BF419">
        <v>1629.5</v>
      </c>
      <c r="BG419">
        <v>433</v>
      </c>
    </row>
    <row r="420" spans="57:59" x14ac:dyDescent="0.25">
      <c r="BE420">
        <v>418</v>
      </c>
      <c r="BF420">
        <v>1636.6</v>
      </c>
      <c r="BG420">
        <v>383</v>
      </c>
    </row>
    <row r="421" spans="57:59" x14ac:dyDescent="0.25">
      <c r="BE421">
        <v>419</v>
      </c>
      <c r="BF421">
        <v>1649.5</v>
      </c>
      <c r="BG421">
        <v>123</v>
      </c>
    </row>
    <row r="422" spans="57:59" x14ac:dyDescent="0.25">
      <c r="BE422">
        <v>420</v>
      </c>
      <c r="BF422">
        <v>1650.6</v>
      </c>
      <c r="BG422">
        <v>583</v>
      </c>
    </row>
    <row r="423" spans="57:59" x14ac:dyDescent="0.25">
      <c r="BE423">
        <v>421</v>
      </c>
      <c r="BF423">
        <v>1667.6</v>
      </c>
      <c r="BG423">
        <v>445</v>
      </c>
    </row>
    <row r="424" spans="57:59" x14ac:dyDescent="0.25">
      <c r="BE424">
        <v>422</v>
      </c>
      <c r="BF424">
        <v>1667.8</v>
      </c>
      <c r="BG424">
        <v>696</v>
      </c>
    </row>
    <row r="425" spans="57:59" x14ac:dyDescent="0.25">
      <c r="BE425">
        <v>423</v>
      </c>
      <c r="BF425">
        <v>1668.6</v>
      </c>
      <c r="BG425">
        <v>184</v>
      </c>
    </row>
    <row r="426" spans="57:59" x14ac:dyDescent="0.25">
      <c r="BE426">
        <v>424</v>
      </c>
      <c r="BF426">
        <v>1670.5</v>
      </c>
      <c r="BG426">
        <v>136</v>
      </c>
    </row>
    <row r="427" spans="57:59" x14ac:dyDescent="0.25">
      <c r="BE427">
        <v>425</v>
      </c>
      <c r="BF427">
        <v>1672.4</v>
      </c>
      <c r="BG427">
        <v>167</v>
      </c>
    </row>
    <row r="428" spans="57:59" x14ac:dyDescent="0.25">
      <c r="BE428">
        <v>426</v>
      </c>
      <c r="BF428">
        <v>1673.6</v>
      </c>
      <c r="BG428">
        <v>228</v>
      </c>
    </row>
    <row r="429" spans="57:59" x14ac:dyDescent="0.25">
      <c r="BE429">
        <v>427</v>
      </c>
      <c r="BF429">
        <v>1675.6</v>
      </c>
      <c r="BG429">
        <v>250</v>
      </c>
    </row>
    <row r="430" spans="57:59" x14ac:dyDescent="0.25">
      <c r="BE430">
        <v>428</v>
      </c>
      <c r="BF430">
        <v>1676.7</v>
      </c>
      <c r="BG430">
        <v>133</v>
      </c>
    </row>
    <row r="431" spans="57:59" x14ac:dyDescent="0.25">
      <c r="BE431">
        <v>429</v>
      </c>
      <c r="BF431">
        <v>1685.6</v>
      </c>
      <c r="BG431">
        <v>198</v>
      </c>
    </row>
    <row r="432" spans="57:59" x14ac:dyDescent="0.25">
      <c r="BE432">
        <v>430</v>
      </c>
      <c r="BF432">
        <v>1692.8</v>
      </c>
      <c r="BG432">
        <v>271</v>
      </c>
    </row>
    <row r="433" spans="57:59" x14ac:dyDescent="0.25">
      <c r="BE433">
        <v>431</v>
      </c>
      <c r="BF433">
        <v>1693.6</v>
      </c>
      <c r="BG433">
        <v>220</v>
      </c>
    </row>
    <row r="434" spans="57:59" x14ac:dyDescent="0.25">
      <c r="BE434">
        <v>432</v>
      </c>
      <c r="BF434">
        <v>1696.5</v>
      </c>
      <c r="BG434">
        <v>105</v>
      </c>
    </row>
    <row r="435" spans="57:59" x14ac:dyDescent="0.25">
      <c r="BE435">
        <v>433</v>
      </c>
      <c r="BF435">
        <v>1709.6</v>
      </c>
      <c r="BG435">
        <v>5758</v>
      </c>
    </row>
    <row r="436" spans="57:59" x14ac:dyDescent="0.25">
      <c r="BE436">
        <v>434</v>
      </c>
      <c r="BF436">
        <v>1710.6</v>
      </c>
      <c r="BG436">
        <v>2876</v>
      </c>
    </row>
    <row r="437" spans="57:59" x14ac:dyDescent="0.25">
      <c r="BE437">
        <v>435</v>
      </c>
      <c r="BF437">
        <v>1711</v>
      </c>
      <c r="BG437">
        <v>424</v>
      </c>
    </row>
    <row r="438" spans="57:59" x14ac:dyDescent="0.25">
      <c r="BE438">
        <v>436</v>
      </c>
      <c r="BF438">
        <v>1711.6</v>
      </c>
      <c r="BG438">
        <v>942</v>
      </c>
    </row>
    <row r="439" spans="57:59" x14ac:dyDescent="0.25">
      <c r="BE439">
        <v>437</v>
      </c>
      <c r="BF439">
        <v>1712.4</v>
      </c>
      <c r="BG439">
        <v>333</v>
      </c>
    </row>
    <row r="440" spans="57:59" x14ac:dyDescent="0.25">
      <c r="BE440">
        <v>438</v>
      </c>
      <c r="BF440">
        <v>1712.6</v>
      </c>
      <c r="BG440">
        <v>555</v>
      </c>
    </row>
    <row r="441" spans="57:59" x14ac:dyDescent="0.25">
      <c r="BE441">
        <v>439</v>
      </c>
      <c r="BF441">
        <v>1713.5</v>
      </c>
      <c r="BG441">
        <v>270</v>
      </c>
    </row>
    <row r="442" spans="57:59" x14ac:dyDescent="0.25">
      <c r="BE442">
        <v>440</v>
      </c>
      <c r="BF442">
        <v>1714.6</v>
      </c>
      <c r="BG442">
        <v>281</v>
      </c>
    </row>
    <row r="443" spans="57:59" x14ac:dyDescent="0.25">
      <c r="BE443">
        <v>441</v>
      </c>
      <c r="BF443">
        <v>1715.9</v>
      </c>
      <c r="BG443">
        <v>221</v>
      </c>
    </row>
    <row r="444" spans="57:59" x14ac:dyDescent="0.25">
      <c r="BE444">
        <v>442</v>
      </c>
      <c r="BF444">
        <v>1718.2</v>
      </c>
      <c r="BG444">
        <v>245</v>
      </c>
    </row>
    <row r="445" spans="57:59" x14ac:dyDescent="0.25">
      <c r="BE445">
        <v>443</v>
      </c>
      <c r="BF445">
        <v>1725.6</v>
      </c>
      <c r="BG445">
        <v>172</v>
      </c>
    </row>
    <row r="446" spans="57:59" x14ac:dyDescent="0.25">
      <c r="BE446">
        <v>444</v>
      </c>
      <c r="BF446">
        <v>1727.6</v>
      </c>
      <c r="BG446">
        <v>2247</v>
      </c>
    </row>
    <row r="447" spans="57:59" x14ac:dyDescent="0.25">
      <c r="BE447">
        <v>445</v>
      </c>
      <c r="BF447">
        <v>1728.6</v>
      </c>
      <c r="BG447">
        <v>1722</v>
      </c>
    </row>
    <row r="448" spans="57:59" x14ac:dyDescent="0.25">
      <c r="BE448">
        <v>446</v>
      </c>
      <c r="BF448">
        <v>1729.6</v>
      </c>
      <c r="BG448">
        <v>1633</v>
      </c>
    </row>
    <row r="449" spans="57:59" x14ac:dyDescent="0.25">
      <c r="BE449">
        <v>447</v>
      </c>
      <c r="BF449">
        <v>1730.7</v>
      </c>
      <c r="BG449">
        <v>791</v>
      </c>
    </row>
    <row r="450" spans="57:59" x14ac:dyDescent="0.25">
      <c r="BE450">
        <v>448</v>
      </c>
      <c r="BF450">
        <v>1734.7</v>
      </c>
      <c r="BG450">
        <v>634</v>
      </c>
    </row>
    <row r="451" spans="57:59" x14ac:dyDescent="0.25">
      <c r="BE451">
        <v>449</v>
      </c>
      <c r="BF451">
        <v>1735.9</v>
      </c>
      <c r="BG451">
        <v>164</v>
      </c>
    </row>
    <row r="452" spans="57:59" x14ac:dyDescent="0.25">
      <c r="BE452">
        <v>450</v>
      </c>
      <c r="BF452">
        <v>1736.8</v>
      </c>
      <c r="BG452">
        <v>470</v>
      </c>
    </row>
    <row r="453" spans="57:59" x14ac:dyDescent="0.25">
      <c r="BE453">
        <v>451</v>
      </c>
      <c r="BF453">
        <v>1737.7</v>
      </c>
      <c r="BG453">
        <v>129</v>
      </c>
    </row>
    <row r="454" spans="57:59" x14ac:dyDescent="0.25">
      <c r="BE454">
        <v>452</v>
      </c>
      <c r="BF454">
        <v>1748.8</v>
      </c>
      <c r="BG454">
        <v>100</v>
      </c>
    </row>
    <row r="455" spans="57:59" x14ac:dyDescent="0.25">
      <c r="BE455">
        <v>453</v>
      </c>
      <c r="BF455">
        <v>1752</v>
      </c>
      <c r="BG455">
        <v>274</v>
      </c>
    </row>
    <row r="456" spans="57:59" x14ac:dyDescent="0.25">
      <c r="BE456">
        <v>454</v>
      </c>
      <c r="BF456">
        <v>1768.6</v>
      </c>
      <c r="BG456">
        <v>240</v>
      </c>
    </row>
    <row r="457" spans="57:59" x14ac:dyDescent="0.25">
      <c r="BE457">
        <v>455</v>
      </c>
      <c r="BF457">
        <v>1787.7</v>
      </c>
      <c r="BG457">
        <v>2506</v>
      </c>
    </row>
    <row r="458" spans="57:59" x14ac:dyDescent="0.25">
      <c r="BE458">
        <v>456</v>
      </c>
      <c r="BF458">
        <v>1788.6</v>
      </c>
      <c r="BG458">
        <v>386</v>
      </c>
    </row>
    <row r="459" spans="57:59" x14ac:dyDescent="0.25">
      <c r="BE459">
        <v>457</v>
      </c>
      <c r="BF459">
        <v>1789.5</v>
      </c>
      <c r="BG459">
        <v>432</v>
      </c>
    </row>
    <row r="460" spans="57:59" x14ac:dyDescent="0.25">
      <c r="BE460">
        <v>458</v>
      </c>
      <c r="BF460">
        <v>1811.9</v>
      </c>
      <c r="BG460">
        <v>131</v>
      </c>
    </row>
    <row r="461" spans="57:59" x14ac:dyDescent="0.25">
      <c r="BE461">
        <v>459</v>
      </c>
      <c r="BF461">
        <v>1813</v>
      </c>
      <c r="BG461">
        <v>500</v>
      </c>
    </row>
    <row r="462" spans="57:59" x14ac:dyDescent="0.25">
      <c r="BE462">
        <v>460</v>
      </c>
      <c r="BF462">
        <v>1813.3</v>
      </c>
      <c r="BG462">
        <v>214</v>
      </c>
    </row>
    <row r="463" spans="57:59" x14ac:dyDescent="0.25">
      <c r="BE463">
        <v>461</v>
      </c>
      <c r="BF463">
        <v>1813.6</v>
      </c>
      <c r="BG463">
        <v>435</v>
      </c>
    </row>
    <row r="464" spans="57:59" x14ac:dyDescent="0.25">
      <c r="BE464">
        <v>462</v>
      </c>
      <c r="BF464">
        <v>1815.4</v>
      </c>
      <c r="BG464">
        <v>304</v>
      </c>
    </row>
    <row r="465" spans="57:59" x14ac:dyDescent="0.25">
      <c r="BE465">
        <v>463</v>
      </c>
      <c r="BF465">
        <v>1820.5</v>
      </c>
      <c r="BG465">
        <v>208</v>
      </c>
    </row>
    <row r="466" spans="57:59" x14ac:dyDescent="0.25">
      <c r="BE466">
        <v>464</v>
      </c>
      <c r="BF466">
        <v>1855</v>
      </c>
      <c r="BG466">
        <v>209</v>
      </c>
    </row>
    <row r="467" spans="57:59" x14ac:dyDescent="0.25">
      <c r="BE467">
        <v>465</v>
      </c>
      <c r="BF467">
        <v>1857.7</v>
      </c>
      <c r="BG467">
        <v>263</v>
      </c>
    </row>
    <row r="468" spans="57:59" x14ac:dyDescent="0.25">
      <c r="BE468">
        <v>466</v>
      </c>
      <c r="BF468">
        <v>1898.9</v>
      </c>
      <c r="BG468">
        <v>170</v>
      </c>
    </row>
    <row r="469" spans="57:59" x14ac:dyDescent="0.25">
      <c r="BE469">
        <v>467</v>
      </c>
      <c r="BF469">
        <v>1899.7</v>
      </c>
      <c r="BG469">
        <v>10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Griffith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oeadmin</dc:creator>
  <cp:lastModifiedBy>soeadmin</cp:lastModifiedBy>
  <dcterms:created xsi:type="dcterms:W3CDTF">2018-11-26T05:57:37Z</dcterms:created>
  <dcterms:modified xsi:type="dcterms:W3CDTF">2018-11-26T06:32:38Z</dcterms:modified>
</cp:coreProperties>
</file>